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2025\s1383\groupR7\02_がん・循環器対策グループ\01_がん対策\03_がん医療の提供\04_がん診療連携協議会\30_がん情報発信\20_HP掲載\R7\"/>
    </mc:Choice>
  </mc:AlternateContent>
  <xr:revisionPtr revIDLastSave="0" documentId="13_ncr:1_{5BAF1B37-2972-4066-B2EF-47FE7BBD7334}" xr6:coauthVersionLast="47" xr6:coauthVersionMax="47" xr10:uidLastSave="{00000000-0000-0000-0000-000000000000}"/>
  <bookViews>
    <workbookView xWindow="-14505" yWindow="0" windowWidth="14610" windowHeight="15585" xr2:uid="{00000000-000D-0000-FFFF-FFFF00000000}"/>
  </bookViews>
  <sheets>
    <sheet name="がん診療連携拠点病院の診療実績等一覧" sheetId="1" r:id="rId1"/>
  </sheets>
  <definedNames>
    <definedName name="_xlnm.Print_Area" localSheetId="0">がん診療連携拠点病院の診療実績等一覧!$A$1:$AQ$27</definedName>
    <definedName name="_xlnm.Print_Titles" localSheetId="0">がん診療連携拠点病院の診療実績等一覧!$A:$C,がん診療連携拠点病院の診療実績等一覧!$1:$1</definedName>
  </definedNames>
  <calcPr calcId="191029" calcMode="manual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Y1" i="1" l="1"/>
  <c r="A1" i="1"/>
</calcChain>
</file>

<file path=xl/sharedStrings.xml><?xml version="1.0" encoding="utf-8"?>
<sst xmlns="http://schemas.openxmlformats.org/spreadsheetml/2006/main" count="115" uniqueCount="90">
  <si>
    <t>横浜市立市民病院</t>
  </si>
  <si>
    <t>川崎市立井田病院</t>
  </si>
  <si>
    <t>北里大学病院</t>
  </si>
  <si>
    <t>藤沢市民病院</t>
  </si>
  <si>
    <t>東海大学医学部付属病院</t>
  </si>
  <si>
    <t>大和市立病院</t>
  </si>
  <si>
    <t>小田原市立病院</t>
  </si>
  <si>
    <t>病床数</t>
    <rPh sb="0" eb="2">
      <t>ビョウショウ</t>
    </rPh>
    <rPh sb="2" eb="3">
      <t>スウ</t>
    </rPh>
    <phoneticPr fontId="3"/>
  </si>
  <si>
    <t>薬物療法</t>
    <rPh sb="0" eb="2">
      <t>ヤクブツ</t>
    </rPh>
    <rPh sb="2" eb="4">
      <t>リョウホウ</t>
    </rPh>
    <phoneticPr fontId="3"/>
  </si>
  <si>
    <t>放射線治療</t>
  </si>
  <si>
    <t>相談支援センター</t>
  </si>
  <si>
    <t>体外照射</t>
  </si>
  <si>
    <t>核医学治療</t>
    <rPh sb="0" eb="1">
      <t>カク</t>
    </rPh>
    <rPh sb="1" eb="3">
      <t>イガク</t>
    </rPh>
    <rPh sb="3" eb="5">
      <t>チリョウ</t>
    </rPh>
    <phoneticPr fontId="3"/>
  </si>
  <si>
    <t>川崎北部</t>
    <rPh sb="0" eb="2">
      <t>カワサキ</t>
    </rPh>
    <rPh sb="2" eb="4">
      <t>ホクブ</t>
    </rPh>
    <phoneticPr fontId="1"/>
  </si>
  <si>
    <t>川崎南部</t>
    <rPh sb="0" eb="2">
      <t>カワサキ</t>
    </rPh>
    <rPh sb="2" eb="4">
      <t>ナンブ</t>
    </rPh>
    <phoneticPr fontId="1"/>
  </si>
  <si>
    <t>相模原</t>
    <rPh sb="0" eb="3">
      <t>サガミハラ</t>
    </rPh>
    <phoneticPr fontId="1"/>
  </si>
  <si>
    <t>湘南東部</t>
    <rPh sb="0" eb="2">
      <t>ショウナン</t>
    </rPh>
    <rPh sb="2" eb="4">
      <t>トウブ</t>
    </rPh>
    <phoneticPr fontId="1"/>
  </si>
  <si>
    <t>湘南西部</t>
    <rPh sb="0" eb="2">
      <t>ショウナン</t>
    </rPh>
    <rPh sb="2" eb="4">
      <t>セイブ</t>
    </rPh>
    <phoneticPr fontId="1"/>
  </si>
  <si>
    <t>県央</t>
    <rPh sb="0" eb="2">
      <t>ケンオウ</t>
    </rPh>
    <phoneticPr fontId="1"/>
  </si>
  <si>
    <t>県西</t>
    <rPh sb="0" eb="1">
      <t>ケン</t>
    </rPh>
    <rPh sb="1" eb="2">
      <t>ニシ</t>
    </rPh>
    <phoneticPr fontId="1"/>
  </si>
  <si>
    <t>病院名</t>
    <rPh sb="0" eb="2">
      <t>ビョウイン</t>
    </rPh>
    <rPh sb="2" eb="3">
      <t>メイ</t>
    </rPh>
    <phoneticPr fontId="3"/>
  </si>
  <si>
    <t>肺がん</t>
    <phoneticPr fontId="3"/>
  </si>
  <si>
    <t>肝臓がん</t>
  </si>
  <si>
    <t>乳がん</t>
    <phoneticPr fontId="3"/>
  </si>
  <si>
    <t>開胸手術</t>
  </si>
  <si>
    <t>胸腔鏡下手術</t>
  </si>
  <si>
    <t>開腹手術</t>
  </si>
  <si>
    <t>腹腔鏡下手術</t>
    <rPh sb="0" eb="1">
      <t>フク</t>
    </rPh>
    <rPh sb="1" eb="2">
      <t>コウ</t>
    </rPh>
    <rPh sb="2" eb="3">
      <t>キョウ</t>
    </rPh>
    <rPh sb="3" eb="4">
      <t>カ</t>
    </rPh>
    <rPh sb="4" eb="6">
      <t>シュジュツ</t>
    </rPh>
    <phoneticPr fontId="3"/>
  </si>
  <si>
    <t>ＥＭＲ</t>
  </si>
  <si>
    <t>乳房再建術</t>
    <rPh sb="0" eb="2">
      <t>ニュウボウ</t>
    </rPh>
    <rPh sb="2" eb="5">
      <t>サイケンジュツ</t>
    </rPh>
    <phoneticPr fontId="3"/>
  </si>
  <si>
    <t>乳腺腫瘍摘出術（生検）</t>
    <rPh sb="0" eb="2">
      <t>ニュウセン</t>
    </rPh>
    <rPh sb="2" eb="4">
      <t>シュヨウ</t>
    </rPh>
    <rPh sb="4" eb="6">
      <t>テキシュツ</t>
    </rPh>
    <rPh sb="6" eb="7">
      <t>ジュツ</t>
    </rPh>
    <rPh sb="8" eb="9">
      <t>ナマ</t>
    </rPh>
    <rPh sb="9" eb="10">
      <t>ケン</t>
    </rPh>
    <phoneticPr fontId="3"/>
  </si>
  <si>
    <t>年間入院患者数の状況</t>
    <rPh sb="0" eb="2">
      <t>ネンカン</t>
    </rPh>
    <rPh sb="2" eb="4">
      <t>ニュウイン</t>
    </rPh>
    <rPh sb="4" eb="7">
      <t>カンジャスウ</t>
    </rPh>
    <rPh sb="8" eb="10">
      <t>ジョウキョウ</t>
    </rPh>
    <phoneticPr fontId="3"/>
  </si>
  <si>
    <t>入院がん患者数</t>
    <phoneticPr fontId="3"/>
  </si>
  <si>
    <t>その他</t>
    <rPh sb="2" eb="3">
      <t>タ</t>
    </rPh>
    <phoneticPr fontId="3"/>
  </si>
  <si>
    <t>放射線治療ののべ患者数</t>
    <rPh sb="0" eb="3">
      <t>ホウシャセン</t>
    </rPh>
    <rPh sb="3" eb="5">
      <t>チリョウ</t>
    </rPh>
    <rPh sb="8" eb="10">
      <t>カンジャ</t>
    </rPh>
    <rPh sb="10" eb="11">
      <t>スウ</t>
    </rPh>
    <phoneticPr fontId="3"/>
  </si>
  <si>
    <t>定位照射(脳)</t>
    <rPh sb="0" eb="2">
      <t>テイイ</t>
    </rPh>
    <rPh sb="2" eb="4">
      <t>ショウシャ</t>
    </rPh>
    <rPh sb="5" eb="6">
      <t>ノウ</t>
    </rPh>
    <phoneticPr fontId="1"/>
  </si>
  <si>
    <t>定位照射(体幹部)</t>
    <rPh sb="0" eb="2">
      <t>テイイ</t>
    </rPh>
    <rPh sb="2" eb="4">
      <t>ショウシャ</t>
    </rPh>
    <rPh sb="5" eb="6">
      <t>カラダ</t>
    </rPh>
    <rPh sb="6" eb="8">
      <t>カンブ</t>
    </rPh>
    <phoneticPr fontId="1"/>
  </si>
  <si>
    <t>密封小線源治療</t>
    <rPh sb="0" eb="2">
      <t>ミップウ</t>
    </rPh>
    <phoneticPr fontId="3"/>
  </si>
  <si>
    <t>がんに係る薬物療法のべ患者数</t>
    <rPh sb="3" eb="4">
      <t>カカ</t>
    </rPh>
    <rPh sb="5" eb="9">
      <t>ヤクブツリョウホウ</t>
    </rPh>
    <rPh sb="11" eb="14">
      <t>カンジャスウ</t>
    </rPh>
    <phoneticPr fontId="3"/>
  </si>
  <si>
    <t>身体症状</t>
    <rPh sb="0" eb="2">
      <t>シンタイ</t>
    </rPh>
    <rPh sb="2" eb="4">
      <t>ショウジョウ</t>
    </rPh>
    <phoneticPr fontId="1"/>
  </si>
  <si>
    <t>精神症状</t>
    <rPh sb="0" eb="2">
      <t>セイシン</t>
    </rPh>
    <rPh sb="2" eb="4">
      <t>ショウジョウ</t>
    </rPh>
    <phoneticPr fontId="1"/>
  </si>
  <si>
    <t>社会的苦痛</t>
    <rPh sb="0" eb="3">
      <t>シャカイテキ</t>
    </rPh>
    <rPh sb="3" eb="5">
      <t>クツウ</t>
    </rPh>
    <phoneticPr fontId="1"/>
  </si>
  <si>
    <t>緩和ケア</t>
    <phoneticPr fontId="3"/>
  </si>
  <si>
    <t>緩和ケアチームに対する新規介入患者数</t>
    <rPh sb="13" eb="15">
      <t>カイニュウ</t>
    </rPh>
    <rPh sb="15" eb="17">
      <t>カンジャ</t>
    </rPh>
    <rPh sb="17" eb="18">
      <t>スウ</t>
    </rPh>
    <phoneticPr fontId="3"/>
  </si>
  <si>
    <t>治療別のべ患者数</t>
    <rPh sb="0" eb="2">
      <t>チリョウ</t>
    </rPh>
    <rPh sb="2" eb="3">
      <t>ベツ</t>
    </rPh>
    <rPh sb="5" eb="8">
      <t>カンジャスウ</t>
    </rPh>
    <phoneticPr fontId="1"/>
  </si>
  <si>
    <t>部位別のべ患者数</t>
    <rPh sb="0" eb="2">
      <t>ブイ</t>
    </rPh>
    <rPh sb="2" eb="3">
      <t>ベツ</t>
    </rPh>
    <rPh sb="5" eb="8">
      <t>カンジャスウ</t>
    </rPh>
    <phoneticPr fontId="1"/>
  </si>
  <si>
    <t>肺がん</t>
  </si>
  <si>
    <t>胃がん</t>
  </si>
  <si>
    <t>肝がん</t>
  </si>
  <si>
    <t>大腸がん</t>
  </si>
  <si>
    <t>乳がん</t>
  </si>
  <si>
    <t>二次医療圏名</t>
    <rPh sb="0" eb="2">
      <t>ニジ</t>
    </rPh>
    <rPh sb="2" eb="4">
      <t>イリョウ</t>
    </rPh>
    <rPh sb="4" eb="5">
      <t>ケン</t>
    </rPh>
    <rPh sb="5" eb="6">
      <t>メイ</t>
    </rPh>
    <phoneticPr fontId="3"/>
  </si>
  <si>
    <t>横浜</t>
    <rPh sb="0" eb="2">
      <t>ヨコハマ</t>
    </rPh>
    <phoneticPr fontId="1"/>
  </si>
  <si>
    <t>都道府県・地域</t>
    <rPh sb="0" eb="4">
      <t>トドウフケン</t>
    </rPh>
    <rPh sb="5" eb="7">
      <t>チイキ</t>
    </rPh>
    <phoneticPr fontId="1"/>
  </si>
  <si>
    <t>都道府県</t>
    <rPh sb="0" eb="4">
      <t>トドウフケン</t>
    </rPh>
    <phoneticPr fontId="1"/>
  </si>
  <si>
    <t>地域</t>
    <rPh sb="0" eb="2">
      <t>チイキ</t>
    </rPh>
    <phoneticPr fontId="1"/>
  </si>
  <si>
    <t>治療件数（手術件数）の集計</t>
    <phoneticPr fontId="1"/>
  </si>
  <si>
    <t>年間のべ
相談件数</t>
    <rPh sb="0" eb="2">
      <t>ネンカン</t>
    </rPh>
    <rPh sb="5" eb="7">
      <t>ソウダン</t>
    </rPh>
    <rPh sb="7" eb="9">
      <t>ケンスウ</t>
    </rPh>
    <phoneticPr fontId="3"/>
  </si>
  <si>
    <t>内視鏡
手術</t>
    <phoneticPr fontId="1"/>
  </si>
  <si>
    <t>ＥＳＤ</t>
    <phoneticPr fontId="3"/>
  </si>
  <si>
    <t>開腹手術</t>
    <phoneticPr fontId="1"/>
  </si>
  <si>
    <t>胃がん</t>
    <phoneticPr fontId="3"/>
  </si>
  <si>
    <t>大腸がん</t>
    <phoneticPr fontId="3"/>
  </si>
  <si>
    <t>穿刺局所療法</t>
    <phoneticPr fontId="1"/>
  </si>
  <si>
    <t>粒子線治療
(重粒子線、陽子線治療)</t>
    <rPh sb="0" eb="2">
      <t>リュウシ</t>
    </rPh>
    <rPh sb="2" eb="3">
      <t>セン</t>
    </rPh>
    <rPh sb="3" eb="5">
      <t>チリョウ</t>
    </rPh>
    <rPh sb="7" eb="8">
      <t>ジュウ</t>
    </rPh>
    <rPh sb="8" eb="10">
      <t>リュウシ</t>
    </rPh>
    <rPh sb="10" eb="11">
      <t>セン</t>
    </rPh>
    <rPh sb="12" eb="14">
      <t>ヨウシ</t>
    </rPh>
    <rPh sb="14" eb="15">
      <t>セン</t>
    </rPh>
    <rPh sb="15" eb="17">
      <t>チリョウ</t>
    </rPh>
    <phoneticPr fontId="1"/>
  </si>
  <si>
    <t>院内がん
登録数</t>
    <rPh sb="0" eb="2">
      <t>インナイ</t>
    </rPh>
    <rPh sb="5" eb="7">
      <t>トウロク</t>
    </rPh>
    <rPh sb="7" eb="8">
      <t>スウ</t>
    </rPh>
    <phoneticPr fontId="1"/>
  </si>
  <si>
    <t>院内がん
登録</t>
    <rPh sb="0" eb="2">
      <t>インナイ</t>
    </rPh>
    <rPh sb="5" eb="7">
      <t>トウ_x0000__x0000_</t>
    </rPh>
    <phoneticPr fontId="3"/>
  </si>
  <si>
    <t>悪性腫
瘍の手
術件数</t>
    <rPh sb="0" eb="2">
      <t>アクセイ</t>
    </rPh>
    <rPh sb="2" eb="3">
      <t>シュ</t>
    </rPh>
    <rPh sb="4" eb="5">
      <t>ヨウ</t>
    </rPh>
    <phoneticPr fontId="3"/>
  </si>
  <si>
    <t>入院患者数に占めるがん患者の割合</t>
    <phoneticPr fontId="3"/>
  </si>
  <si>
    <t>緩和ケアチームに対する新規診療症例数(人)</t>
    <rPh sb="0" eb="2">
      <t>カンワ</t>
    </rPh>
    <rPh sb="8" eb="9">
      <t>タイ</t>
    </rPh>
    <rPh sb="11" eb="13">
      <t>シンキ</t>
    </rPh>
    <rPh sb="13" eb="15">
      <t>シンリョウ</t>
    </rPh>
    <rPh sb="15" eb="17">
      <t>ショウレイ</t>
    </rPh>
    <rPh sb="17" eb="18">
      <t>スウ</t>
    </rPh>
    <rPh sb="19" eb="20">
      <t>ニン</t>
    </rPh>
    <phoneticPr fontId="1"/>
  </si>
  <si>
    <t>手術</t>
    <phoneticPr fontId="1"/>
  </si>
  <si>
    <t>強度変調放射線治療(IMRT)</t>
    <rPh sb="0" eb="2">
      <t>キョウド</t>
    </rPh>
    <rPh sb="2" eb="4">
      <t>ヘンチョウ</t>
    </rPh>
    <rPh sb="4" eb="7">
      <t>ホウシャセン</t>
    </rPh>
    <rPh sb="7" eb="9">
      <t>チリョウ</t>
    </rPh>
    <phoneticPr fontId="1"/>
  </si>
  <si>
    <t>(令和６年１月１日～12月31日)</t>
    <phoneticPr fontId="1"/>
  </si>
  <si>
    <t>横須賀・
三浦</t>
    <rPh sb="0" eb="3">
      <t>ヨコスカ</t>
    </rPh>
    <rPh sb="5" eb="7">
      <t>ミウラ</t>
    </rPh>
    <phoneticPr fontId="1"/>
  </si>
  <si>
    <t>横浜市立みなと赤十字病院</t>
  </si>
  <si>
    <t>地方独立行政法人神奈川県立病院機構神奈川県立がんセンター</t>
  </si>
  <si>
    <t>公立大学法人横浜市立大学附属病院</t>
  </si>
  <si>
    <t>公立大学法人　横浜市立大学附属市民総合医療センター</t>
  </si>
  <si>
    <t>社会福祉法人　恩賜財団　済生会支部神奈川県済生会横浜市東部病院</t>
  </si>
  <si>
    <t>独立行政法人労働者健康安全機構　横浜労災病院</t>
  </si>
  <si>
    <t>昭和医科大学横浜市北部病院</t>
  </si>
  <si>
    <t>昭和医科大学藤が丘病院</t>
  </si>
  <si>
    <t>独立行政法人国立病院機構　横浜医療センター</t>
  </si>
  <si>
    <t>聖マリアンナ医科大学病院</t>
  </si>
  <si>
    <t>医療法人社団三成会　新百合ヶ丘総合病院</t>
  </si>
  <si>
    <t>独立行政法人労働者健康安全機構　関東労災病院</t>
  </si>
  <si>
    <t>神奈川県厚生農業協同組合連合会　相模原協同病院</t>
  </si>
  <si>
    <t>国家公務員共済組合連合会　横須賀共済病院</t>
  </si>
  <si>
    <t>医療法人徳洲会　湘南鎌倉総合病院</t>
  </si>
  <si>
    <t>川崎市立川崎病院</t>
    <rPh sb="4" eb="8">
      <t>カワサキビョウイ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[Red]#,##0"/>
    <numFmt numFmtId="177" formatCode="0.0%"/>
  </numFmts>
  <fonts count="1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name val="ＭＳ ゴシック"/>
      <family val="3"/>
      <charset val="128"/>
    </font>
    <font>
      <sz val="6"/>
      <name val="ＭＳ 明朝"/>
      <family val="1"/>
      <charset val="128"/>
    </font>
    <font>
      <sz val="12"/>
      <color theme="1"/>
      <name val="ＭＳ 明朝"/>
      <family val="2"/>
      <charset val="128"/>
    </font>
    <font>
      <sz val="12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4"/>
      <name val="ＭＳ ゴシック"/>
      <family val="3"/>
      <charset val="128"/>
    </font>
    <font>
      <sz val="12"/>
      <color rgb="FF000000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16"/>
      <color theme="1"/>
      <name val="ＭＳ ゴシック"/>
      <family val="3"/>
      <charset val="128"/>
    </font>
    <font>
      <sz val="16"/>
      <color rgb="FF000000"/>
      <name val="ＭＳ ゴシック"/>
      <family val="3"/>
      <charset val="128"/>
    </font>
    <font>
      <sz val="24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00B0F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D9D9D9"/>
        <bgColor indexed="64"/>
      </patternFill>
    </fill>
  </fills>
  <borders count="21">
    <border>
      <left/>
      <right/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84">
    <xf numFmtId="0" fontId="0" fillId="0" borderId="0" xfId="0">
      <alignment vertical="center"/>
    </xf>
    <xf numFmtId="0" fontId="2" fillId="0" borderId="0" xfId="0" applyFont="1" applyFill="1" applyAlignment="1">
      <alignment vertical="center" wrapText="1"/>
    </xf>
    <xf numFmtId="38" fontId="2" fillId="0" borderId="0" xfId="1" applyFont="1" applyFill="1" applyAlignment="1">
      <alignment vertical="center" wrapText="1"/>
    </xf>
    <xf numFmtId="0" fontId="2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Fill="1">
      <alignment vertical="center"/>
    </xf>
    <xf numFmtId="0" fontId="6" fillId="0" borderId="0" xfId="0" applyFont="1" applyFill="1" applyAlignment="1">
      <alignment horizontal="center" vertical="center"/>
    </xf>
    <xf numFmtId="0" fontId="7" fillId="0" borderId="0" xfId="0" applyFont="1" applyFill="1" applyAlignment="1">
      <alignment vertical="center" wrapText="1"/>
    </xf>
    <xf numFmtId="0" fontId="7" fillId="0" borderId="0" xfId="0" applyFont="1" applyFill="1" applyBorder="1" applyAlignment="1">
      <alignment vertical="center" wrapText="1"/>
    </xf>
    <xf numFmtId="0" fontId="7" fillId="0" borderId="0" xfId="0" applyNumberFormat="1" applyFont="1" applyFill="1" applyBorder="1" applyAlignment="1">
      <alignment vertical="center" wrapText="1"/>
    </xf>
    <xf numFmtId="38" fontId="7" fillId="0" borderId="0" xfId="1" applyFont="1" applyFill="1" applyAlignment="1">
      <alignment vertical="center" wrapText="1"/>
    </xf>
    <xf numFmtId="0" fontId="5" fillId="3" borderId="4" xfId="0" applyFont="1" applyFill="1" applyBorder="1" applyAlignment="1">
      <alignment horizontal="centerContinuous" vertical="center" wrapText="1"/>
    </xf>
    <xf numFmtId="0" fontId="5" fillId="4" borderId="2" xfId="0" applyFont="1" applyFill="1" applyBorder="1" applyAlignment="1">
      <alignment horizontal="center" vertical="center" wrapText="1"/>
    </xf>
    <xf numFmtId="0" fontId="5" fillId="3" borderId="2" xfId="0" applyFont="1" applyFill="1" applyBorder="1" applyAlignment="1">
      <alignment horizontal="center" vertical="center" wrapText="1"/>
    </xf>
    <xf numFmtId="0" fontId="5" fillId="3" borderId="4" xfId="0" applyFont="1" applyFill="1" applyBorder="1" applyAlignment="1">
      <alignment horizontal="center" vertical="center" wrapText="1"/>
    </xf>
    <xf numFmtId="0" fontId="6" fillId="0" borderId="2" xfId="0" applyFont="1" applyFill="1" applyBorder="1" applyAlignment="1">
      <alignment horizontal="center" vertical="center" wrapText="1"/>
    </xf>
    <xf numFmtId="0" fontId="8" fillId="0" borderId="2" xfId="0" applyFont="1" applyFill="1" applyBorder="1" applyAlignment="1">
      <alignment horizontal="left" vertical="center" wrapText="1" readingOrder="1"/>
    </xf>
    <xf numFmtId="0" fontId="6" fillId="0" borderId="4" xfId="0" applyFont="1" applyFill="1" applyBorder="1" applyAlignment="1">
      <alignment horizontal="center" vertical="center" wrapText="1"/>
    </xf>
    <xf numFmtId="0" fontId="8" fillId="0" borderId="4" xfId="0" applyFont="1" applyFill="1" applyBorder="1" applyAlignment="1">
      <alignment horizontal="left" vertical="center" wrapText="1" readingOrder="1"/>
    </xf>
    <xf numFmtId="0" fontId="6" fillId="0" borderId="7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center" wrapText="1" readingOrder="1"/>
    </xf>
    <xf numFmtId="0" fontId="5" fillId="2" borderId="13" xfId="0" applyFont="1" applyFill="1" applyBorder="1" applyAlignment="1">
      <alignment horizontal="center" vertical="center" wrapText="1"/>
    </xf>
    <xf numFmtId="0" fontId="6" fillId="4" borderId="4" xfId="0" applyFont="1" applyFill="1" applyBorder="1" applyAlignment="1">
      <alignment horizontal="centerContinuous" vertical="center"/>
    </xf>
    <xf numFmtId="0" fontId="6" fillId="4" borderId="4" xfId="0" applyFont="1" applyFill="1" applyBorder="1" applyAlignment="1">
      <alignment horizontal="center" vertical="center"/>
    </xf>
    <xf numFmtId="0" fontId="6" fillId="4" borderId="2" xfId="0" applyFont="1" applyFill="1" applyBorder="1" applyAlignment="1">
      <alignment horizontal="center" vertical="center"/>
    </xf>
    <xf numFmtId="0" fontId="6" fillId="4" borderId="4" xfId="0" applyFont="1" applyFill="1" applyBorder="1" applyAlignment="1">
      <alignment horizontal="center" vertical="center" wrapText="1"/>
    </xf>
    <xf numFmtId="0" fontId="6" fillId="4" borderId="5" xfId="0" applyFont="1" applyFill="1" applyBorder="1" applyAlignment="1">
      <alignment horizontal="centerContinuous" vertical="center"/>
    </xf>
    <xf numFmtId="0" fontId="10" fillId="0" borderId="17" xfId="0" applyFont="1" applyFill="1" applyBorder="1" applyAlignment="1">
      <alignment horizontal="centerContinuous" vertical="center" wrapText="1"/>
    </xf>
    <xf numFmtId="176" fontId="11" fillId="0" borderId="2" xfId="0" applyNumberFormat="1" applyFont="1" applyFill="1" applyBorder="1" applyAlignment="1">
      <alignment horizontal="right" vertical="center"/>
    </xf>
    <xf numFmtId="176" fontId="12" fillId="0" borderId="2" xfId="0" applyNumberFormat="1" applyFont="1" applyFill="1" applyBorder="1" applyAlignment="1">
      <alignment horizontal="right" vertical="center" wrapText="1" readingOrder="1"/>
    </xf>
    <xf numFmtId="176" fontId="11" fillId="0" borderId="10" xfId="0" applyNumberFormat="1" applyFont="1" applyFill="1" applyBorder="1" applyAlignment="1">
      <alignment horizontal="right" vertical="center"/>
    </xf>
    <xf numFmtId="176" fontId="11" fillId="0" borderId="2" xfId="0" applyNumberFormat="1" applyFont="1" applyFill="1" applyBorder="1">
      <alignment vertical="center"/>
    </xf>
    <xf numFmtId="176" fontId="11" fillId="0" borderId="4" xfId="0" applyNumberFormat="1" applyFont="1" applyFill="1" applyBorder="1" applyAlignment="1">
      <alignment horizontal="right" vertical="center"/>
    </xf>
    <xf numFmtId="176" fontId="12" fillId="0" borderId="4" xfId="0" applyNumberFormat="1" applyFont="1" applyFill="1" applyBorder="1" applyAlignment="1">
      <alignment horizontal="right" vertical="center" wrapText="1" readingOrder="1"/>
    </xf>
    <xf numFmtId="176" fontId="11" fillId="0" borderId="5" xfId="0" applyNumberFormat="1" applyFont="1" applyFill="1" applyBorder="1" applyAlignment="1">
      <alignment horizontal="right" vertical="center"/>
    </xf>
    <xf numFmtId="176" fontId="11" fillId="0" borderId="4" xfId="0" applyNumberFormat="1" applyFont="1" applyFill="1" applyBorder="1" applyAlignment="1" applyProtection="1">
      <alignment horizontal="right" vertical="center"/>
      <protection locked="0"/>
    </xf>
    <xf numFmtId="176" fontId="11" fillId="0" borderId="4" xfId="0" applyNumberFormat="1" applyFont="1" applyFill="1" applyBorder="1">
      <alignment vertical="center"/>
    </xf>
    <xf numFmtId="176" fontId="11" fillId="0" borderId="7" xfId="0" applyNumberFormat="1" applyFont="1" applyFill="1" applyBorder="1" applyAlignment="1">
      <alignment horizontal="right" vertical="center"/>
    </xf>
    <xf numFmtId="176" fontId="12" fillId="0" borderId="7" xfId="0" applyNumberFormat="1" applyFont="1" applyFill="1" applyBorder="1" applyAlignment="1">
      <alignment horizontal="right" vertical="center" wrapText="1" readingOrder="1"/>
    </xf>
    <xf numFmtId="176" fontId="11" fillId="0" borderId="8" xfId="0" applyNumberFormat="1" applyFont="1" applyFill="1" applyBorder="1" applyAlignment="1">
      <alignment horizontal="right" vertical="center"/>
    </xf>
    <xf numFmtId="176" fontId="11" fillId="0" borderId="7" xfId="0" applyNumberFormat="1" applyFont="1" applyFill="1" applyBorder="1">
      <alignment vertical="center"/>
    </xf>
    <xf numFmtId="0" fontId="5" fillId="2" borderId="16" xfId="0" applyFont="1" applyFill="1" applyBorder="1" applyAlignment="1">
      <alignment horizontal="center" vertical="center" wrapText="1"/>
    </xf>
    <xf numFmtId="0" fontId="10" fillId="0" borderId="17" xfId="0" applyFont="1" applyFill="1" applyBorder="1" applyAlignment="1">
      <alignment vertical="center" wrapText="1"/>
    </xf>
    <xf numFmtId="0" fontId="10" fillId="0" borderId="17" xfId="0" applyFont="1" applyFill="1" applyBorder="1" applyAlignment="1">
      <alignment vertical="center"/>
    </xf>
    <xf numFmtId="0" fontId="10" fillId="0" borderId="17" xfId="0" applyFont="1" applyFill="1" applyBorder="1" applyAlignment="1">
      <alignment horizontal="centerContinuous" vertical="center"/>
    </xf>
    <xf numFmtId="0" fontId="13" fillId="0" borderId="17" xfId="0" applyFont="1" applyFill="1" applyBorder="1" applyAlignment="1">
      <alignment horizontal="centerContinuous" vertical="center" wrapText="1"/>
    </xf>
    <xf numFmtId="0" fontId="5" fillId="2" borderId="13" xfId="0" applyFont="1" applyFill="1" applyBorder="1" applyAlignment="1">
      <alignment horizontal="centerContinuous" vertical="center" wrapText="1"/>
    </xf>
    <xf numFmtId="0" fontId="5" fillId="2" borderId="16" xfId="0" applyFont="1" applyFill="1" applyBorder="1" applyAlignment="1">
      <alignment horizontal="centerContinuous" vertical="center" wrapText="1"/>
    </xf>
    <xf numFmtId="0" fontId="6" fillId="2" borderId="14" xfId="0" applyFont="1" applyFill="1" applyBorder="1" applyAlignment="1">
      <alignment horizontal="centerContinuous" vertical="center"/>
    </xf>
    <xf numFmtId="0" fontId="6" fillId="2" borderId="15" xfId="0" applyFont="1" applyFill="1" applyBorder="1" applyAlignment="1">
      <alignment horizontal="centerContinuous" vertical="center"/>
    </xf>
    <xf numFmtId="0" fontId="6" fillId="4" borderId="11" xfId="0" applyFont="1" applyFill="1" applyBorder="1" applyAlignment="1">
      <alignment horizontal="centerContinuous" vertical="center"/>
    </xf>
    <xf numFmtId="0" fontId="6" fillId="4" borderId="11" xfId="0" applyFont="1" applyFill="1" applyBorder="1" applyAlignment="1">
      <alignment horizontal="center" vertical="center"/>
    </xf>
    <xf numFmtId="176" fontId="11" fillId="0" borderId="18" xfId="0" applyNumberFormat="1" applyFont="1" applyFill="1" applyBorder="1" applyAlignment="1">
      <alignment horizontal="right" vertical="center"/>
    </xf>
    <xf numFmtId="176" fontId="11" fillId="0" borderId="11" xfId="0" applyNumberFormat="1" applyFont="1" applyFill="1" applyBorder="1" applyAlignment="1">
      <alignment horizontal="right" vertical="center"/>
    </xf>
    <xf numFmtId="176" fontId="11" fillId="0" borderId="19" xfId="0" applyNumberFormat="1" applyFont="1" applyFill="1" applyBorder="1" applyAlignment="1">
      <alignment horizontal="right" vertical="center"/>
    </xf>
    <xf numFmtId="0" fontId="6" fillId="4" borderId="5" xfId="0" applyFont="1" applyFill="1" applyBorder="1" applyAlignment="1">
      <alignment horizontal="center" vertical="center"/>
    </xf>
    <xf numFmtId="176" fontId="9" fillId="0" borderId="2" xfId="0" applyNumberFormat="1" applyFont="1" applyFill="1" applyBorder="1" applyAlignment="1" applyProtection="1">
      <alignment horizontal="right" vertical="center"/>
      <protection locked="0"/>
    </xf>
    <xf numFmtId="177" fontId="11" fillId="0" borderId="2" xfId="0" applyNumberFormat="1" applyFont="1" applyFill="1" applyBorder="1" applyAlignment="1">
      <alignment horizontal="right" vertical="center"/>
    </xf>
    <xf numFmtId="176" fontId="12" fillId="0" borderId="18" xfId="0" applyNumberFormat="1" applyFont="1" applyFill="1" applyBorder="1" applyAlignment="1">
      <alignment horizontal="right" vertical="center" wrapText="1" readingOrder="1"/>
    </xf>
    <xf numFmtId="176" fontId="12" fillId="0" borderId="10" xfId="0" applyNumberFormat="1" applyFont="1" applyFill="1" applyBorder="1" applyAlignment="1">
      <alignment horizontal="right" vertical="center" wrapText="1" readingOrder="1"/>
    </xf>
    <xf numFmtId="176" fontId="9" fillId="0" borderId="4" xfId="0" applyNumberFormat="1" applyFont="1" applyFill="1" applyBorder="1" applyAlignment="1" applyProtection="1">
      <alignment horizontal="right" vertical="center"/>
      <protection locked="0"/>
    </xf>
    <xf numFmtId="177" fontId="11" fillId="0" borderId="4" xfId="0" applyNumberFormat="1" applyFont="1" applyFill="1" applyBorder="1" applyAlignment="1">
      <alignment horizontal="right" vertical="center"/>
    </xf>
    <xf numFmtId="176" fontId="12" fillId="0" borderId="11" xfId="0" applyNumberFormat="1" applyFont="1" applyFill="1" applyBorder="1" applyAlignment="1">
      <alignment horizontal="right" vertical="center" wrapText="1" readingOrder="1"/>
    </xf>
    <xf numFmtId="176" fontId="12" fillId="0" borderId="5" xfId="0" applyNumberFormat="1" applyFont="1" applyFill="1" applyBorder="1" applyAlignment="1">
      <alignment horizontal="right" vertical="center" wrapText="1" readingOrder="1"/>
    </xf>
    <xf numFmtId="176" fontId="9" fillId="0" borderId="7" xfId="0" applyNumberFormat="1" applyFont="1" applyFill="1" applyBorder="1" applyAlignment="1" applyProtection="1">
      <alignment horizontal="right" vertical="center"/>
      <protection locked="0"/>
    </xf>
    <xf numFmtId="177" fontId="11" fillId="0" borderId="7" xfId="0" applyNumberFormat="1" applyFont="1" applyFill="1" applyBorder="1" applyAlignment="1">
      <alignment horizontal="right" vertical="center"/>
    </xf>
    <xf numFmtId="176" fontId="12" fillId="0" borderId="19" xfId="0" applyNumberFormat="1" applyFont="1" applyFill="1" applyBorder="1" applyAlignment="1">
      <alignment horizontal="right" vertical="center" wrapText="1" readingOrder="1"/>
    </xf>
    <xf numFmtId="176" fontId="12" fillId="0" borderId="8" xfId="0" applyNumberFormat="1" applyFont="1" applyFill="1" applyBorder="1" applyAlignment="1">
      <alignment horizontal="right" vertical="center" wrapText="1" readingOrder="1"/>
    </xf>
    <xf numFmtId="0" fontId="10" fillId="0" borderId="17" xfId="0" applyFont="1" applyFill="1" applyBorder="1" applyAlignment="1">
      <alignment horizontal="center" vertical="center"/>
    </xf>
    <xf numFmtId="0" fontId="13" fillId="0" borderId="17" xfId="0" applyFont="1" applyFill="1" applyBorder="1" applyAlignment="1">
      <alignment horizontal="centerContinuous" vertical="center"/>
    </xf>
    <xf numFmtId="0" fontId="5" fillId="2" borderId="13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 wrapText="1"/>
    </xf>
    <xf numFmtId="0" fontId="6" fillId="0" borderId="20" xfId="0" applyFont="1" applyFill="1" applyBorder="1" applyAlignment="1">
      <alignment horizontal="center" vertical="center"/>
    </xf>
    <xf numFmtId="0" fontId="6" fillId="0" borderId="9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5" fillId="3" borderId="4" xfId="0" applyFont="1" applyFill="1" applyBorder="1" applyAlignment="1">
      <alignment horizontal="center" vertical="center" wrapText="1"/>
    </xf>
    <xf numFmtId="0" fontId="5" fillId="2" borderId="13" xfId="0" applyFont="1" applyFill="1" applyBorder="1" applyAlignment="1">
      <alignment horizontal="center" vertical="center" wrapText="1"/>
    </xf>
    <xf numFmtId="0" fontId="5" fillId="2" borderId="4" xfId="0" applyFont="1" applyFill="1" applyBorder="1" applyAlignment="1">
      <alignment horizontal="center" vertical="center" wrapText="1"/>
    </xf>
    <xf numFmtId="0" fontId="5" fillId="2" borderId="12" xfId="0" applyFont="1" applyFill="1" applyBorder="1" applyAlignment="1">
      <alignment horizontal="center" vertical="center" wrapText="1"/>
    </xf>
    <xf numFmtId="0" fontId="5" fillId="2" borderId="3" xfId="0" applyFont="1" applyFill="1" applyBorder="1" applyAlignment="1">
      <alignment horizontal="center" vertical="center" wrapText="1"/>
    </xf>
    <xf numFmtId="0" fontId="5" fillId="3" borderId="5" xfId="0" applyFont="1" applyFill="1" applyBorder="1" applyAlignment="1">
      <alignment horizontal="center" vertical="center" wrapText="1"/>
    </xf>
    <xf numFmtId="0" fontId="5" fillId="3" borderId="11" xfId="0" applyFont="1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colors>
    <mruColors>
      <color rgb="FF00B0F0"/>
      <color rgb="FFD9D9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T29"/>
  <sheetViews>
    <sheetView tabSelected="1" view="pageBreakPreview" topLeftCell="A3" zoomScale="70" zoomScaleNormal="70" zoomScaleSheetLayoutView="70" zoomScalePageLayoutView="40" workbookViewId="0">
      <pane xSplit="3" ySplit="2" topLeftCell="AJ5" activePane="bottomRight" state="frozen"/>
      <selection activeCell="A3" sqref="A3"/>
      <selection pane="topRight" activeCell="D3" sqref="D3"/>
      <selection pane="bottomLeft" activeCell="A5" sqref="A5"/>
      <selection pane="bottomRight" activeCell="AM10" sqref="AM10"/>
    </sheetView>
  </sheetViews>
  <sheetFormatPr defaultColWidth="8.83203125" defaultRowHeight="14" x14ac:dyDescent="0.2"/>
  <cols>
    <col min="1" max="1" width="11.75" style="4" bestFit="1" customWidth="1"/>
    <col min="2" max="2" width="16.4140625" style="4" customWidth="1"/>
    <col min="3" max="3" width="35.6640625" style="4" customWidth="1"/>
    <col min="4" max="4" width="9.4140625" style="4" customWidth="1"/>
    <col min="5" max="5" width="12.25" style="4" bestFit="1" customWidth="1"/>
    <col min="6" max="6" width="10.08203125" style="4" customWidth="1"/>
    <col min="7" max="7" width="10.1640625" style="4" customWidth="1"/>
    <col min="8" max="8" width="9.4140625" style="4" customWidth="1"/>
    <col min="9" max="9" width="10.08203125" style="4" customWidth="1"/>
    <col min="10" max="10" width="14.6640625" style="4" customWidth="1"/>
    <col min="11" max="11" width="12.33203125" style="4" customWidth="1"/>
    <col min="12" max="12" width="10.08203125" style="4" customWidth="1"/>
    <col min="13" max="13" width="14.6640625" style="4" customWidth="1"/>
    <col min="14" max="14" width="10.08203125" style="4" customWidth="1"/>
    <col min="15" max="15" width="14.6640625" style="4" customWidth="1"/>
    <col min="16" max="17" width="8" style="4" customWidth="1"/>
    <col min="18" max="18" width="10.83203125" style="4" customWidth="1"/>
    <col min="19" max="19" width="8.5" style="4" customWidth="1"/>
    <col min="20" max="20" width="12.33203125" style="4" customWidth="1"/>
    <col min="21" max="21" width="8.5" style="4" customWidth="1"/>
    <col min="22" max="22" width="10.08203125" style="4" customWidth="1"/>
    <col min="23" max="24" width="14.6640625" style="4" customWidth="1"/>
    <col min="25" max="25" width="9.4140625" style="4" customWidth="1"/>
    <col min="26" max="26" width="9.6640625" style="4" customWidth="1"/>
    <col min="27" max="27" width="14.6640625" style="4" customWidth="1"/>
    <col min="28" max="28" width="19.4140625" style="4" customWidth="1"/>
    <col min="29" max="29" width="27.5" style="4" customWidth="1"/>
    <col min="30" max="30" width="26.33203125" style="4" customWidth="1"/>
    <col min="31" max="31" width="17" style="4" customWidth="1"/>
    <col min="32" max="32" width="12.33203125" style="4" customWidth="1"/>
    <col min="33" max="35" width="8.5" style="4" customWidth="1"/>
    <col min="36" max="36" width="9.6640625" style="4" customWidth="1"/>
    <col min="37" max="37" width="8.5" style="4" customWidth="1"/>
    <col min="38" max="38" width="11.75" style="4" bestFit="1" customWidth="1"/>
    <col min="39" max="39" width="8.83203125" style="4"/>
    <col min="40" max="42" width="8.58203125" style="4" customWidth="1"/>
    <col min="43" max="43" width="11.75" style="4" bestFit="1" customWidth="1"/>
    <col min="44" max="16384" width="8.83203125" style="4"/>
  </cols>
  <sheetData>
    <row r="1" spans="1:46" s="6" customFormat="1" ht="42" customHeight="1" thickBot="1" x14ac:dyDescent="0.25">
      <c r="A1" s="44" t="str">
        <f ca="1">RIGHT(CELL("filename",A1),LEN(CELL("filename",A1))-FIND("]",CELL("filename",A1)))</f>
        <v>がん診療連携拠点病院の診療実績等一覧</v>
      </c>
      <c r="B1" s="26"/>
      <c r="C1" s="26"/>
      <c r="D1" s="26"/>
      <c r="E1" s="26"/>
      <c r="F1" s="26"/>
      <c r="G1" s="26"/>
      <c r="H1" s="26"/>
      <c r="I1" s="26"/>
      <c r="J1" s="26"/>
      <c r="K1" s="26"/>
      <c r="L1" s="26"/>
      <c r="M1" s="26"/>
      <c r="N1" s="26"/>
      <c r="O1" s="26"/>
      <c r="P1" s="26"/>
      <c r="Q1" s="26"/>
      <c r="R1" s="26"/>
      <c r="S1" s="26"/>
      <c r="V1" s="67" t="s">
        <v>72</v>
      </c>
      <c r="W1" s="26"/>
      <c r="X1" s="43"/>
      <c r="Y1" s="68" t="str">
        <f ca="1">RIGHT(CELL("filename",A1),LEN(CELL("filename",A1))-FIND("]",CELL("filename",A1)))</f>
        <v>がん診療連携拠点病院の診療実績等一覧</v>
      </c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2"/>
      <c r="AM1" s="42"/>
      <c r="AN1" s="67" t="s">
        <v>72</v>
      </c>
      <c r="AO1" s="41"/>
      <c r="AP1" s="41"/>
      <c r="AQ1" s="41"/>
      <c r="AR1" s="7"/>
      <c r="AS1" s="8"/>
      <c r="AT1" s="9"/>
    </row>
    <row r="2" spans="1:46" s="1" customFormat="1" ht="36" customHeight="1" x14ac:dyDescent="0.2">
      <c r="A2" s="80" t="s">
        <v>51</v>
      </c>
      <c r="B2" s="78" t="s">
        <v>53</v>
      </c>
      <c r="C2" s="78" t="s">
        <v>20</v>
      </c>
      <c r="D2" s="78" t="s">
        <v>7</v>
      </c>
      <c r="E2" s="45" t="s">
        <v>31</v>
      </c>
      <c r="F2" s="45"/>
      <c r="G2" s="20" t="s">
        <v>66</v>
      </c>
      <c r="H2" s="45" t="s">
        <v>56</v>
      </c>
      <c r="I2" s="45"/>
      <c r="J2" s="45"/>
      <c r="K2" s="45"/>
      <c r="L2" s="45"/>
      <c r="M2" s="45"/>
      <c r="N2" s="45"/>
      <c r="O2" s="45"/>
      <c r="P2" s="45"/>
      <c r="Q2" s="45"/>
      <c r="R2" s="45"/>
      <c r="S2" s="45"/>
      <c r="T2" s="45"/>
      <c r="U2" s="46"/>
      <c r="V2" s="45"/>
      <c r="W2" s="45"/>
      <c r="X2" s="46"/>
      <c r="Y2" s="47" t="s">
        <v>9</v>
      </c>
      <c r="Z2" s="47"/>
      <c r="AA2" s="47"/>
      <c r="AB2" s="47"/>
      <c r="AC2" s="47"/>
      <c r="AD2" s="47"/>
      <c r="AE2" s="47"/>
      <c r="AF2" s="47"/>
      <c r="AG2" s="47"/>
      <c r="AH2" s="47"/>
      <c r="AI2" s="47"/>
      <c r="AJ2" s="47"/>
      <c r="AK2" s="48"/>
      <c r="AL2" s="69" t="s">
        <v>8</v>
      </c>
      <c r="AM2" s="45" t="s">
        <v>42</v>
      </c>
      <c r="AN2" s="45"/>
      <c r="AO2" s="45"/>
      <c r="AP2" s="45"/>
      <c r="AQ2" s="40" t="s">
        <v>10</v>
      </c>
      <c r="AR2" s="3"/>
      <c r="AS2" s="2"/>
    </row>
    <row r="3" spans="1:46" s="1" customFormat="1" ht="42" customHeight="1" x14ac:dyDescent="0.2">
      <c r="A3" s="81"/>
      <c r="B3" s="79"/>
      <c r="C3" s="79"/>
      <c r="D3" s="79"/>
      <c r="E3" s="77" t="s">
        <v>32</v>
      </c>
      <c r="F3" s="77" t="s">
        <v>68</v>
      </c>
      <c r="G3" s="77" t="s">
        <v>65</v>
      </c>
      <c r="H3" s="77" t="s">
        <v>67</v>
      </c>
      <c r="I3" s="21" t="s">
        <v>62</v>
      </c>
      <c r="J3" s="21"/>
      <c r="K3" s="21"/>
      <c r="L3" s="21" t="s">
        <v>21</v>
      </c>
      <c r="M3" s="21"/>
      <c r="N3" s="21" t="s">
        <v>61</v>
      </c>
      <c r="O3" s="21"/>
      <c r="P3" s="21"/>
      <c r="Q3" s="21"/>
      <c r="R3" s="21" t="s">
        <v>23</v>
      </c>
      <c r="S3" s="21"/>
      <c r="T3" s="21"/>
      <c r="U3" s="21"/>
      <c r="V3" s="49" t="s">
        <v>22</v>
      </c>
      <c r="W3" s="21"/>
      <c r="X3" s="25"/>
      <c r="Y3" s="83" t="s">
        <v>34</v>
      </c>
      <c r="Z3" s="10" t="s">
        <v>44</v>
      </c>
      <c r="AA3" s="10"/>
      <c r="AB3" s="10"/>
      <c r="AC3" s="10"/>
      <c r="AD3" s="10"/>
      <c r="AE3" s="10"/>
      <c r="AF3" s="10"/>
      <c r="AG3" s="10" t="s">
        <v>45</v>
      </c>
      <c r="AH3" s="10"/>
      <c r="AI3" s="10"/>
      <c r="AJ3" s="10"/>
      <c r="AK3" s="10"/>
      <c r="AL3" s="77" t="s">
        <v>38</v>
      </c>
      <c r="AM3" s="77" t="s">
        <v>43</v>
      </c>
      <c r="AN3" s="10" t="s">
        <v>69</v>
      </c>
      <c r="AO3" s="10"/>
      <c r="AP3" s="10"/>
      <c r="AQ3" s="82" t="s">
        <v>57</v>
      </c>
      <c r="AR3" s="3"/>
      <c r="AS3" s="2"/>
    </row>
    <row r="4" spans="1:46" s="1" customFormat="1" ht="65.400000000000006" customHeight="1" x14ac:dyDescent="0.2">
      <c r="A4" s="81"/>
      <c r="B4" s="79"/>
      <c r="C4" s="79"/>
      <c r="D4" s="79"/>
      <c r="E4" s="77"/>
      <c r="F4" s="77"/>
      <c r="G4" s="77"/>
      <c r="H4" s="77"/>
      <c r="I4" s="22" t="s">
        <v>26</v>
      </c>
      <c r="J4" s="22" t="s">
        <v>27</v>
      </c>
      <c r="K4" s="22" t="s">
        <v>58</v>
      </c>
      <c r="L4" s="22" t="s">
        <v>24</v>
      </c>
      <c r="M4" s="22" t="s">
        <v>25</v>
      </c>
      <c r="N4" s="22" t="s">
        <v>26</v>
      </c>
      <c r="O4" s="22" t="s">
        <v>27</v>
      </c>
      <c r="P4" s="22" t="s">
        <v>28</v>
      </c>
      <c r="Q4" s="22" t="s">
        <v>59</v>
      </c>
      <c r="R4" s="11" t="s">
        <v>70</v>
      </c>
      <c r="S4" s="12" t="s">
        <v>30</v>
      </c>
      <c r="T4" s="23" t="s">
        <v>29</v>
      </c>
      <c r="U4" s="12" t="s">
        <v>33</v>
      </c>
      <c r="V4" s="50" t="s">
        <v>60</v>
      </c>
      <c r="W4" s="22" t="s">
        <v>27</v>
      </c>
      <c r="X4" s="54" t="s">
        <v>63</v>
      </c>
      <c r="Y4" s="83"/>
      <c r="Z4" s="13" t="s">
        <v>11</v>
      </c>
      <c r="AA4" s="22" t="s">
        <v>35</v>
      </c>
      <c r="AB4" s="22" t="s">
        <v>36</v>
      </c>
      <c r="AC4" s="22" t="s">
        <v>71</v>
      </c>
      <c r="AD4" s="24" t="s">
        <v>64</v>
      </c>
      <c r="AE4" s="22" t="s">
        <v>37</v>
      </c>
      <c r="AF4" s="22" t="s">
        <v>12</v>
      </c>
      <c r="AG4" s="13" t="s">
        <v>46</v>
      </c>
      <c r="AH4" s="13" t="s">
        <v>47</v>
      </c>
      <c r="AI4" s="13" t="s">
        <v>48</v>
      </c>
      <c r="AJ4" s="13" t="s">
        <v>49</v>
      </c>
      <c r="AK4" s="13" t="s">
        <v>50</v>
      </c>
      <c r="AL4" s="77"/>
      <c r="AM4" s="77"/>
      <c r="AN4" s="13" t="s">
        <v>39</v>
      </c>
      <c r="AO4" s="13" t="s">
        <v>40</v>
      </c>
      <c r="AP4" s="13" t="s">
        <v>41</v>
      </c>
      <c r="AQ4" s="82"/>
      <c r="AR4" s="3"/>
      <c r="AS4" s="2"/>
    </row>
    <row r="5" spans="1:46" ht="55" customHeight="1" x14ac:dyDescent="0.2">
      <c r="A5" s="74" t="s">
        <v>52</v>
      </c>
      <c r="B5" s="14" t="s">
        <v>54</v>
      </c>
      <c r="C5" s="15" t="s">
        <v>75</v>
      </c>
      <c r="D5" s="55">
        <v>415</v>
      </c>
      <c r="E5" s="27">
        <v>120349</v>
      </c>
      <c r="F5" s="56">
        <v>0.97604275646172423</v>
      </c>
      <c r="G5" s="28">
        <v>3992</v>
      </c>
      <c r="H5" s="28">
        <v>4715</v>
      </c>
      <c r="I5" s="27">
        <v>15</v>
      </c>
      <c r="J5" s="27">
        <v>195</v>
      </c>
      <c r="K5" s="27">
        <v>556</v>
      </c>
      <c r="L5" s="27">
        <v>15</v>
      </c>
      <c r="M5" s="27">
        <v>332</v>
      </c>
      <c r="N5" s="27">
        <v>21</v>
      </c>
      <c r="O5" s="27">
        <v>69</v>
      </c>
      <c r="P5" s="27">
        <v>3</v>
      </c>
      <c r="Q5" s="27">
        <v>105</v>
      </c>
      <c r="R5" s="27">
        <v>434</v>
      </c>
      <c r="S5" s="27">
        <v>3</v>
      </c>
      <c r="T5" s="27">
        <v>0</v>
      </c>
      <c r="U5" s="27">
        <v>433</v>
      </c>
      <c r="V5" s="51">
        <v>14</v>
      </c>
      <c r="W5" s="27">
        <v>30</v>
      </c>
      <c r="X5" s="29">
        <v>28</v>
      </c>
      <c r="Y5" s="57">
        <v>1437</v>
      </c>
      <c r="Z5" s="27">
        <v>1405</v>
      </c>
      <c r="AA5" s="27">
        <v>0</v>
      </c>
      <c r="AB5" s="27">
        <v>65</v>
      </c>
      <c r="AC5" s="27">
        <v>164</v>
      </c>
      <c r="AD5" s="30">
        <v>739</v>
      </c>
      <c r="AE5" s="27">
        <v>115</v>
      </c>
      <c r="AF5" s="27">
        <v>118</v>
      </c>
      <c r="AG5" s="27">
        <v>104</v>
      </c>
      <c r="AH5" s="27">
        <v>6</v>
      </c>
      <c r="AI5" s="27">
        <v>10</v>
      </c>
      <c r="AJ5" s="27">
        <v>25</v>
      </c>
      <c r="AK5" s="27">
        <v>202</v>
      </c>
      <c r="AL5" s="28">
        <v>6447</v>
      </c>
      <c r="AM5" s="28">
        <v>58</v>
      </c>
      <c r="AN5" s="28">
        <v>61</v>
      </c>
      <c r="AO5" s="28">
        <v>18</v>
      </c>
      <c r="AP5" s="28">
        <v>11</v>
      </c>
      <c r="AQ5" s="58">
        <v>8745</v>
      </c>
    </row>
    <row r="6" spans="1:46" ht="55" customHeight="1" x14ac:dyDescent="0.2">
      <c r="A6" s="75"/>
      <c r="B6" s="16" t="s">
        <v>55</v>
      </c>
      <c r="C6" s="17" t="s">
        <v>76</v>
      </c>
      <c r="D6" s="59">
        <v>671</v>
      </c>
      <c r="E6" s="31">
        <v>6521</v>
      </c>
      <c r="F6" s="60">
        <v>0.45053198839298059</v>
      </c>
      <c r="G6" s="32">
        <v>2825</v>
      </c>
      <c r="H6" s="32">
        <v>1267</v>
      </c>
      <c r="I6" s="31">
        <v>14</v>
      </c>
      <c r="J6" s="31">
        <v>144</v>
      </c>
      <c r="K6" s="31">
        <v>159</v>
      </c>
      <c r="L6" s="31">
        <v>17</v>
      </c>
      <c r="M6" s="31">
        <v>62</v>
      </c>
      <c r="N6" s="31">
        <v>4</v>
      </c>
      <c r="O6" s="31">
        <v>32</v>
      </c>
      <c r="P6" s="31">
        <v>2</v>
      </c>
      <c r="Q6" s="31">
        <v>113</v>
      </c>
      <c r="R6" s="31">
        <v>186</v>
      </c>
      <c r="S6" s="31">
        <v>2</v>
      </c>
      <c r="T6" s="31">
        <v>1</v>
      </c>
      <c r="U6" s="31">
        <v>0</v>
      </c>
      <c r="V6" s="52">
        <v>8</v>
      </c>
      <c r="W6" s="31">
        <v>13</v>
      </c>
      <c r="X6" s="33">
        <v>73</v>
      </c>
      <c r="Y6" s="61">
        <v>660</v>
      </c>
      <c r="Z6" s="34">
        <v>577</v>
      </c>
      <c r="AA6" s="34">
        <v>12</v>
      </c>
      <c r="AB6" s="34">
        <v>17</v>
      </c>
      <c r="AC6" s="34">
        <v>187</v>
      </c>
      <c r="AD6" s="35">
        <v>0</v>
      </c>
      <c r="AE6" s="31">
        <v>85</v>
      </c>
      <c r="AF6" s="31">
        <v>42</v>
      </c>
      <c r="AG6" s="31">
        <v>54</v>
      </c>
      <c r="AH6" s="31">
        <v>2</v>
      </c>
      <c r="AI6" s="31">
        <v>2</v>
      </c>
      <c r="AJ6" s="31">
        <v>16</v>
      </c>
      <c r="AK6" s="31">
        <v>88</v>
      </c>
      <c r="AL6" s="32">
        <v>4878</v>
      </c>
      <c r="AM6" s="32">
        <v>322</v>
      </c>
      <c r="AN6" s="32">
        <v>322</v>
      </c>
      <c r="AO6" s="32">
        <v>25</v>
      </c>
      <c r="AP6" s="32">
        <v>0</v>
      </c>
      <c r="AQ6" s="62">
        <v>4738</v>
      </c>
    </row>
    <row r="7" spans="1:46" ht="55" customHeight="1" x14ac:dyDescent="0.2">
      <c r="A7" s="75"/>
      <c r="B7" s="16" t="s">
        <v>55</v>
      </c>
      <c r="C7" s="17" t="s">
        <v>77</v>
      </c>
      <c r="D7" s="59">
        <v>655</v>
      </c>
      <c r="E7" s="31">
        <v>4974</v>
      </c>
      <c r="F7" s="60">
        <v>0.25495924957711824</v>
      </c>
      <c r="G7" s="32">
        <v>3020</v>
      </c>
      <c r="H7" s="32">
        <v>2024</v>
      </c>
      <c r="I7" s="31">
        <v>17</v>
      </c>
      <c r="J7" s="31">
        <v>354</v>
      </c>
      <c r="K7" s="31">
        <v>1463</v>
      </c>
      <c r="L7" s="31">
        <v>26</v>
      </c>
      <c r="M7" s="31">
        <v>172</v>
      </c>
      <c r="N7" s="31">
        <v>3</v>
      </c>
      <c r="O7" s="31">
        <v>97</v>
      </c>
      <c r="P7" s="31">
        <v>34</v>
      </c>
      <c r="Q7" s="31">
        <v>264</v>
      </c>
      <c r="R7" s="31">
        <v>176</v>
      </c>
      <c r="S7" s="31">
        <v>7</v>
      </c>
      <c r="T7" s="31">
        <v>0</v>
      </c>
      <c r="U7" s="31">
        <v>17</v>
      </c>
      <c r="V7" s="52">
        <v>29</v>
      </c>
      <c r="W7" s="31">
        <v>26</v>
      </c>
      <c r="X7" s="33">
        <v>94</v>
      </c>
      <c r="Y7" s="61">
        <v>608</v>
      </c>
      <c r="Z7" s="34">
        <v>406</v>
      </c>
      <c r="AA7" s="34">
        <v>12</v>
      </c>
      <c r="AB7" s="34">
        <v>43</v>
      </c>
      <c r="AC7" s="34">
        <v>149</v>
      </c>
      <c r="AD7" s="35">
        <v>0</v>
      </c>
      <c r="AE7" s="31">
        <v>0</v>
      </c>
      <c r="AF7" s="31">
        <v>27</v>
      </c>
      <c r="AG7" s="31">
        <v>69</v>
      </c>
      <c r="AH7" s="31">
        <v>0</v>
      </c>
      <c r="AI7" s="31">
        <v>17</v>
      </c>
      <c r="AJ7" s="31">
        <v>37</v>
      </c>
      <c r="AK7" s="31">
        <v>114</v>
      </c>
      <c r="AL7" s="32">
        <v>4491</v>
      </c>
      <c r="AM7" s="32">
        <v>239</v>
      </c>
      <c r="AN7" s="32">
        <v>280</v>
      </c>
      <c r="AO7" s="32">
        <v>72</v>
      </c>
      <c r="AP7" s="32">
        <v>79</v>
      </c>
      <c r="AQ7" s="62">
        <v>1275</v>
      </c>
    </row>
    <row r="8" spans="1:46" ht="55" customHeight="1" x14ac:dyDescent="0.2">
      <c r="A8" s="75"/>
      <c r="B8" s="16" t="s">
        <v>55</v>
      </c>
      <c r="C8" s="17" t="s">
        <v>74</v>
      </c>
      <c r="D8" s="59">
        <v>624</v>
      </c>
      <c r="E8" s="31">
        <v>2828</v>
      </c>
      <c r="F8" s="60">
        <v>0.16766467065868262</v>
      </c>
      <c r="G8" s="32">
        <v>1274</v>
      </c>
      <c r="H8" s="32">
        <v>687</v>
      </c>
      <c r="I8" s="31">
        <v>3</v>
      </c>
      <c r="J8" s="31">
        <v>45</v>
      </c>
      <c r="K8" s="31">
        <v>66</v>
      </c>
      <c r="L8" s="31">
        <v>1</v>
      </c>
      <c r="M8" s="31">
        <v>30</v>
      </c>
      <c r="N8" s="31">
        <v>0</v>
      </c>
      <c r="O8" s="31">
        <v>9</v>
      </c>
      <c r="P8" s="31">
        <v>0</v>
      </c>
      <c r="Q8" s="31">
        <v>30</v>
      </c>
      <c r="R8" s="31">
        <v>151</v>
      </c>
      <c r="S8" s="31">
        <v>3</v>
      </c>
      <c r="T8" s="31">
        <v>0</v>
      </c>
      <c r="U8" s="31">
        <v>16</v>
      </c>
      <c r="V8" s="52">
        <v>3</v>
      </c>
      <c r="W8" s="31">
        <v>1</v>
      </c>
      <c r="X8" s="33">
        <v>8</v>
      </c>
      <c r="Y8" s="61">
        <v>291</v>
      </c>
      <c r="Z8" s="31">
        <v>288</v>
      </c>
      <c r="AA8" s="31">
        <v>5</v>
      </c>
      <c r="AB8" s="31">
        <v>4</v>
      </c>
      <c r="AC8" s="31">
        <v>51</v>
      </c>
      <c r="AD8" s="35">
        <v>0</v>
      </c>
      <c r="AE8" s="31">
        <v>0</v>
      </c>
      <c r="AF8" s="31">
        <v>31</v>
      </c>
      <c r="AG8" s="31">
        <v>23</v>
      </c>
      <c r="AH8" s="31">
        <v>3</v>
      </c>
      <c r="AI8" s="31">
        <v>0</v>
      </c>
      <c r="AJ8" s="31">
        <v>8</v>
      </c>
      <c r="AK8" s="31">
        <v>110</v>
      </c>
      <c r="AL8" s="32">
        <v>1344</v>
      </c>
      <c r="AM8" s="32">
        <v>185</v>
      </c>
      <c r="AN8" s="32">
        <v>182</v>
      </c>
      <c r="AO8" s="32">
        <v>3</v>
      </c>
      <c r="AP8" s="32">
        <v>44</v>
      </c>
      <c r="AQ8" s="62">
        <v>5292</v>
      </c>
    </row>
    <row r="9" spans="1:46" ht="55" customHeight="1" x14ac:dyDescent="0.2">
      <c r="A9" s="75"/>
      <c r="B9" s="16" t="s">
        <v>55</v>
      </c>
      <c r="C9" s="17" t="s">
        <v>0</v>
      </c>
      <c r="D9" s="59">
        <v>650</v>
      </c>
      <c r="E9" s="31">
        <v>46251</v>
      </c>
      <c r="F9" s="60">
        <v>0.21937684094692855</v>
      </c>
      <c r="G9" s="32">
        <v>1690</v>
      </c>
      <c r="H9" s="32">
        <v>1175</v>
      </c>
      <c r="I9" s="31">
        <v>11</v>
      </c>
      <c r="J9" s="31">
        <v>122</v>
      </c>
      <c r="K9" s="31">
        <v>157</v>
      </c>
      <c r="L9" s="31">
        <v>1</v>
      </c>
      <c r="M9" s="31">
        <v>88</v>
      </c>
      <c r="N9" s="31">
        <v>7</v>
      </c>
      <c r="O9" s="31">
        <v>38</v>
      </c>
      <c r="P9" s="31">
        <v>2</v>
      </c>
      <c r="Q9" s="31">
        <v>40</v>
      </c>
      <c r="R9" s="31">
        <v>124</v>
      </c>
      <c r="S9" s="31">
        <v>0</v>
      </c>
      <c r="T9" s="31">
        <v>0</v>
      </c>
      <c r="U9" s="31">
        <v>16</v>
      </c>
      <c r="V9" s="52">
        <v>2</v>
      </c>
      <c r="W9" s="31">
        <v>0</v>
      </c>
      <c r="X9" s="33">
        <v>0</v>
      </c>
      <c r="Y9" s="61">
        <v>670</v>
      </c>
      <c r="Z9" s="34">
        <v>670</v>
      </c>
      <c r="AA9" s="34">
        <v>62</v>
      </c>
      <c r="AB9" s="34">
        <v>73</v>
      </c>
      <c r="AC9" s="34">
        <v>419</v>
      </c>
      <c r="AD9" s="35">
        <v>0</v>
      </c>
      <c r="AE9" s="31">
        <v>0</v>
      </c>
      <c r="AF9" s="31">
        <v>2</v>
      </c>
      <c r="AG9" s="31">
        <v>232</v>
      </c>
      <c r="AH9" s="31">
        <v>15</v>
      </c>
      <c r="AI9" s="31">
        <v>4</v>
      </c>
      <c r="AJ9" s="31">
        <v>26</v>
      </c>
      <c r="AK9" s="31">
        <v>104</v>
      </c>
      <c r="AL9" s="32">
        <v>2866</v>
      </c>
      <c r="AM9" s="32">
        <v>246</v>
      </c>
      <c r="AN9" s="32">
        <v>354</v>
      </c>
      <c r="AO9" s="32">
        <v>127</v>
      </c>
      <c r="AP9" s="32">
        <v>73</v>
      </c>
      <c r="AQ9" s="62">
        <v>1766</v>
      </c>
    </row>
    <row r="10" spans="1:46" ht="55" customHeight="1" x14ac:dyDescent="0.2">
      <c r="A10" s="75"/>
      <c r="B10" s="16" t="s">
        <v>55</v>
      </c>
      <c r="C10" s="17" t="s">
        <v>78</v>
      </c>
      <c r="D10" s="59">
        <v>562</v>
      </c>
      <c r="E10" s="31">
        <v>2899</v>
      </c>
      <c r="F10" s="60">
        <v>0.16082325529790303</v>
      </c>
      <c r="G10" s="32">
        <v>1816</v>
      </c>
      <c r="H10" s="32">
        <v>1112</v>
      </c>
      <c r="I10" s="31">
        <v>89</v>
      </c>
      <c r="J10" s="31">
        <v>195</v>
      </c>
      <c r="K10" s="31">
        <v>965</v>
      </c>
      <c r="L10" s="31">
        <v>3</v>
      </c>
      <c r="M10" s="31">
        <v>88</v>
      </c>
      <c r="N10" s="31">
        <v>2</v>
      </c>
      <c r="O10" s="31">
        <v>78</v>
      </c>
      <c r="P10" s="31">
        <v>0</v>
      </c>
      <c r="Q10" s="31">
        <v>0</v>
      </c>
      <c r="R10" s="31">
        <v>185</v>
      </c>
      <c r="S10" s="31">
        <v>18</v>
      </c>
      <c r="T10" s="31">
        <v>0</v>
      </c>
      <c r="U10" s="31">
        <v>67</v>
      </c>
      <c r="V10" s="52">
        <v>5</v>
      </c>
      <c r="W10" s="31">
        <v>34</v>
      </c>
      <c r="X10" s="33">
        <v>0</v>
      </c>
      <c r="Y10" s="61">
        <v>694</v>
      </c>
      <c r="Z10" s="34">
        <v>654</v>
      </c>
      <c r="AA10" s="34">
        <v>43</v>
      </c>
      <c r="AB10" s="34">
        <v>189</v>
      </c>
      <c r="AC10" s="34">
        <v>216</v>
      </c>
      <c r="AD10" s="35">
        <v>0</v>
      </c>
      <c r="AE10" s="31">
        <v>37</v>
      </c>
      <c r="AF10" s="31">
        <v>3</v>
      </c>
      <c r="AG10" s="31">
        <v>50</v>
      </c>
      <c r="AH10" s="31">
        <v>4</v>
      </c>
      <c r="AI10" s="31">
        <v>49</v>
      </c>
      <c r="AJ10" s="31">
        <v>2</v>
      </c>
      <c r="AK10" s="31">
        <v>110</v>
      </c>
      <c r="AL10" s="32">
        <v>1760</v>
      </c>
      <c r="AM10" s="32">
        <v>115</v>
      </c>
      <c r="AN10" s="32">
        <v>113</v>
      </c>
      <c r="AO10" s="32">
        <v>82</v>
      </c>
      <c r="AP10" s="32">
        <v>27</v>
      </c>
      <c r="AQ10" s="62">
        <v>2654</v>
      </c>
    </row>
    <row r="11" spans="1:46" ht="55" customHeight="1" x14ac:dyDescent="0.2">
      <c r="A11" s="75"/>
      <c r="B11" s="16" t="s">
        <v>55</v>
      </c>
      <c r="C11" s="17" t="s">
        <v>79</v>
      </c>
      <c r="D11" s="59">
        <v>650</v>
      </c>
      <c r="E11" s="31">
        <v>3883</v>
      </c>
      <c r="F11" s="60">
        <v>0.2022185189042808</v>
      </c>
      <c r="G11" s="32">
        <v>1892</v>
      </c>
      <c r="H11" s="32">
        <v>1329</v>
      </c>
      <c r="I11" s="31">
        <v>33</v>
      </c>
      <c r="J11" s="31">
        <v>103</v>
      </c>
      <c r="K11" s="31">
        <v>1013</v>
      </c>
      <c r="L11" s="31">
        <v>3</v>
      </c>
      <c r="M11" s="31">
        <v>105</v>
      </c>
      <c r="N11" s="31">
        <v>8</v>
      </c>
      <c r="O11" s="31">
        <v>56</v>
      </c>
      <c r="P11" s="31">
        <v>2</v>
      </c>
      <c r="Q11" s="31">
        <v>96</v>
      </c>
      <c r="R11" s="31">
        <v>212</v>
      </c>
      <c r="S11" s="31">
        <v>10</v>
      </c>
      <c r="T11" s="31">
        <v>1</v>
      </c>
      <c r="U11" s="31">
        <v>34</v>
      </c>
      <c r="V11" s="52">
        <v>7</v>
      </c>
      <c r="W11" s="31">
        <v>9</v>
      </c>
      <c r="X11" s="33">
        <v>20</v>
      </c>
      <c r="Y11" s="61">
        <v>972</v>
      </c>
      <c r="Z11" s="34">
        <v>889</v>
      </c>
      <c r="AA11" s="34">
        <v>435</v>
      </c>
      <c r="AB11" s="34">
        <v>11</v>
      </c>
      <c r="AC11" s="34">
        <v>131</v>
      </c>
      <c r="AD11" s="35">
        <v>0</v>
      </c>
      <c r="AE11" s="34">
        <v>0</v>
      </c>
      <c r="AF11" s="31">
        <v>5</v>
      </c>
      <c r="AG11" s="31">
        <v>246</v>
      </c>
      <c r="AH11" s="31">
        <v>15</v>
      </c>
      <c r="AI11" s="31">
        <v>2</v>
      </c>
      <c r="AJ11" s="31">
        <v>43</v>
      </c>
      <c r="AK11" s="31">
        <v>214</v>
      </c>
      <c r="AL11" s="32">
        <v>1792</v>
      </c>
      <c r="AM11" s="32">
        <v>130</v>
      </c>
      <c r="AN11" s="32">
        <v>161</v>
      </c>
      <c r="AO11" s="32">
        <v>49</v>
      </c>
      <c r="AP11" s="32">
        <v>4</v>
      </c>
      <c r="AQ11" s="62">
        <v>332</v>
      </c>
    </row>
    <row r="12" spans="1:46" ht="55" customHeight="1" x14ac:dyDescent="0.2">
      <c r="A12" s="75"/>
      <c r="B12" s="16" t="s">
        <v>55</v>
      </c>
      <c r="C12" s="17" t="s">
        <v>80</v>
      </c>
      <c r="D12" s="59">
        <v>689</v>
      </c>
      <c r="E12" s="31">
        <v>47738</v>
      </c>
      <c r="F12" s="60">
        <v>0.22208575828204308</v>
      </c>
      <c r="G12" s="32">
        <v>2391</v>
      </c>
      <c r="H12" s="32">
        <v>1306</v>
      </c>
      <c r="I12" s="31">
        <v>19</v>
      </c>
      <c r="J12" s="31">
        <v>97</v>
      </c>
      <c r="K12" s="31">
        <v>153</v>
      </c>
      <c r="L12" s="31">
        <v>6</v>
      </c>
      <c r="M12" s="31">
        <v>131</v>
      </c>
      <c r="N12" s="31">
        <v>10</v>
      </c>
      <c r="O12" s="31">
        <v>5</v>
      </c>
      <c r="P12" s="31">
        <v>1</v>
      </c>
      <c r="Q12" s="31">
        <v>77</v>
      </c>
      <c r="R12" s="31">
        <v>240</v>
      </c>
      <c r="S12" s="31">
        <v>0</v>
      </c>
      <c r="T12" s="31">
        <v>0</v>
      </c>
      <c r="U12" s="31">
        <v>0</v>
      </c>
      <c r="V12" s="52">
        <v>0</v>
      </c>
      <c r="W12" s="31">
        <v>0</v>
      </c>
      <c r="X12" s="33">
        <v>4</v>
      </c>
      <c r="Y12" s="61">
        <v>344</v>
      </c>
      <c r="Z12" s="34">
        <v>344</v>
      </c>
      <c r="AA12" s="34">
        <v>9</v>
      </c>
      <c r="AB12" s="34">
        <v>14</v>
      </c>
      <c r="AC12" s="34">
        <v>53</v>
      </c>
      <c r="AD12" s="35">
        <v>0</v>
      </c>
      <c r="AE12" s="34">
        <v>0</v>
      </c>
      <c r="AF12" s="31">
        <v>0</v>
      </c>
      <c r="AG12" s="31">
        <v>73</v>
      </c>
      <c r="AH12" s="31">
        <v>1</v>
      </c>
      <c r="AI12" s="31">
        <v>1</v>
      </c>
      <c r="AJ12" s="31">
        <v>23</v>
      </c>
      <c r="AK12" s="31">
        <v>100</v>
      </c>
      <c r="AL12" s="32">
        <v>2327</v>
      </c>
      <c r="AM12" s="32">
        <v>173</v>
      </c>
      <c r="AN12" s="32">
        <v>181</v>
      </c>
      <c r="AO12" s="32">
        <v>79</v>
      </c>
      <c r="AP12" s="32">
        <v>44</v>
      </c>
      <c r="AQ12" s="62">
        <v>955</v>
      </c>
    </row>
    <row r="13" spans="1:46" ht="55" customHeight="1" x14ac:dyDescent="0.2">
      <c r="A13" s="75"/>
      <c r="B13" s="16" t="s">
        <v>55</v>
      </c>
      <c r="C13" s="17" t="s">
        <v>81</v>
      </c>
      <c r="D13" s="59">
        <v>584</v>
      </c>
      <c r="E13" s="31">
        <v>40154</v>
      </c>
      <c r="F13" s="60">
        <v>0.2257567579723834</v>
      </c>
      <c r="G13" s="32">
        <v>2511</v>
      </c>
      <c r="H13" s="32">
        <v>890</v>
      </c>
      <c r="I13" s="31">
        <v>3</v>
      </c>
      <c r="J13" s="31">
        <v>115</v>
      </c>
      <c r="K13" s="31">
        <v>67</v>
      </c>
      <c r="L13" s="31">
        <v>0</v>
      </c>
      <c r="M13" s="31">
        <v>13</v>
      </c>
      <c r="N13" s="31">
        <v>6</v>
      </c>
      <c r="O13" s="31">
        <v>33</v>
      </c>
      <c r="P13" s="31">
        <v>7</v>
      </c>
      <c r="Q13" s="31">
        <v>81</v>
      </c>
      <c r="R13" s="31">
        <v>265</v>
      </c>
      <c r="S13" s="31">
        <v>8</v>
      </c>
      <c r="T13" s="31">
        <v>0</v>
      </c>
      <c r="U13" s="31">
        <v>0</v>
      </c>
      <c r="V13" s="52">
        <v>4</v>
      </c>
      <c r="W13" s="31">
        <v>5</v>
      </c>
      <c r="X13" s="33">
        <v>0</v>
      </c>
      <c r="Y13" s="61">
        <v>407</v>
      </c>
      <c r="Z13" s="34">
        <v>391</v>
      </c>
      <c r="AA13" s="34">
        <v>0</v>
      </c>
      <c r="AB13" s="34">
        <v>7</v>
      </c>
      <c r="AC13" s="34">
        <v>74</v>
      </c>
      <c r="AD13" s="35">
        <v>0</v>
      </c>
      <c r="AE13" s="31">
        <v>0</v>
      </c>
      <c r="AF13" s="31">
        <v>3</v>
      </c>
      <c r="AG13" s="31">
        <v>22</v>
      </c>
      <c r="AH13" s="31">
        <v>0</v>
      </c>
      <c r="AI13" s="31">
        <v>0</v>
      </c>
      <c r="AJ13" s="31">
        <v>0</v>
      </c>
      <c r="AK13" s="31">
        <v>186</v>
      </c>
      <c r="AL13" s="32">
        <v>1570</v>
      </c>
      <c r="AM13" s="32">
        <v>119</v>
      </c>
      <c r="AN13" s="32">
        <v>46</v>
      </c>
      <c r="AO13" s="32">
        <v>117</v>
      </c>
      <c r="AP13" s="32">
        <v>0</v>
      </c>
      <c r="AQ13" s="62">
        <v>1062</v>
      </c>
    </row>
    <row r="14" spans="1:46" ht="55" customHeight="1" x14ac:dyDescent="0.2">
      <c r="A14" s="76"/>
      <c r="B14" s="16" t="s">
        <v>55</v>
      </c>
      <c r="C14" s="17" t="s">
        <v>82</v>
      </c>
      <c r="D14" s="59">
        <v>490</v>
      </c>
      <c r="E14" s="31">
        <v>2279</v>
      </c>
      <c r="F14" s="60">
        <v>0.15945983767142458</v>
      </c>
      <c r="G14" s="32">
        <v>1223</v>
      </c>
      <c r="H14" s="32">
        <v>862</v>
      </c>
      <c r="I14" s="31">
        <v>0</v>
      </c>
      <c r="J14" s="31">
        <v>99</v>
      </c>
      <c r="K14" s="31">
        <v>304</v>
      </c>
      <c r="L14" s="31">
        <v>3</v>
      </c>
      <c r="M14" s="31">
        <v>90</v>
      </c>
      <c r="N14" s="31">
        <v>18</v>
      </c>
      <c r="O14" s="31">
        <v>16</v>
      </c>
      <c r="P14" s="31">
        <v>0</v>
      </c>
      <c r="Q14" s="31">
        <v>71</v>
      </c>
      <c r="R14" s="31">
        <v>185</v>
      </c>
      <c r="S14" s="31">
        <v>7</v>
      </c>
      <c r="T14" s="31">
        <v>0</v>
      </c>
      <c r="U14" s="31">
        <v>1</v>
      </c>
      <c r="V14" s="52">
        <v>9</v>
      </c>
      <c r="W14" s="31">
        <v>0</v>
      </c>
      <c r="X14" s="33">
        <v>46</v>
      </c>
      <c r="Y14" s="61">
        <v>125</v>
      </c>
      <c r="Z14" s="34">
        <v>125</v>
      </c>
      <c r="AA14" s="34">
        <v>0</v>
      </c>
      <c r="AB14" s="34">
        <v>4</v>
      </c>
      <c r="AC14" s="34">
        <v>0</v>
      </c>
      <c r="AD14" s="35">
        <v>0</v>
      </c>
      <c r="AE14" s="31">
        <v>0</v>
      </c>
      <c r="AF14" s="31">
        <v>4</v>
      </c>
      <c r="AG14" s="31">
        <v>18</v>
      </c>
      <c r="AH14" s="31">
        <v>0</v>
      </c>
      <c r="AI14" s="31">
        <v>2</v>
      </c>
      <c r="AJ14" s="31">
        <v>2</v>
      </c>
      <c r="AK14" s="31">
        <v>47</v>
      </c>
      <c r="AL14" s="32">
        <v>1211</v>
      </c>
      <c r="AM14" s="32">
        <v>115</v>
      </c>
      <c r="AN14" s="32">
        <v>134</v>
      </c>
      <c r="AO14" s="32">
        <v>4</v>
      </c>
      <c r="AP14" s="32">
        <v>0</v>
      </c>
      <c r="AQ14" s="62">
        <v>2247</v>
      </c>
    </row>
    <row r="15" spans="1:46" ht="55" customHeight="1" x14ac:dyDescent="0.2">
      <c r="A15" s="72" t="s">
        <v>13</v>
      </c>
      <c r="B15" s="16" t="s">
        <v>55</v>
      </c>
      <c r="C15" s="17" t="s">
        <v>83</v>
      </c>
      <c r="D15" s="59">
        <v>955</v>
      </c>
      <c r="E15" s="31">
        <v>4999</v>
      </c>
      <c r="F15" s="60">
        <v>0.19819998414082945</v>
      </c>
      <c r="G15" s="32">
        <v>2392</v>
      </c>
      <c r="H15" s="32">
        <v>2117</v>
      </c>
      <c r="I15" s="31">
        <v>4</v>
      </c>
      <c r="J15" s="31">
        <v>110</v>
      </c>
      <c r="K15" s="31">
        <v>1390</v>
      </c>
      <c r="L15" s="31">
        <v>7</v>
      </c>
      <c r="M15" s="31">
        <v>125</v>
      </c>
      <c r="N15" s="31">
        <v>1</v>
      </c>
      <c r="O15" s="31">
        <v>34</v>
      </c>
      <c r="P15" s="31">
        <v>36</v>
      </c>
      <c r="Q15" s="31">
        <v>66</v>
      </c>
      <c r="R15" s="31">
        <v>613</v>
      </c>
      <c r="S15" s="31">
        <v>16</v>
      </c>
      <c r="T15" s="31">
        <v>95</v>
      </c>
      <c r="U15" s="31">
        <v>95</v>
      </c>
      <c r="V15" s="52">
        <v>9</v>
      </c>
      <c r="W15" s="31">
        <v>1</v>
      </c>
      <c r="X15" s="33">
        <v>10</v>
      </c>
      <c r="Y15" s="61">
        <v>777</v>
      </c>
      <c r="Z15" s="34">
        <v>777</v>
      </c>
      <c r="AA15" s="34">
        <v>41</v>
      </c>
      <c r="AB15" s="34">
        <v>25</v>
      </c>
      <c r="AC15" s="34">
        <v>126</v>
      </c>
      <c r="AD15" s="35">
        <v>0</v>
      </c>
      <c r="AE15" s="31">
        <v>11</v>
      </c>
      <c r="AF15" s="31">
        <v>15</v>
      </c>
      <c r="AG15" s="31">
        <v>76</v>
      </c>
      <c r="AH15" s="31">
        <v>6</v>
      </c>
      <c r="AI15" s="31">
        <v>13</v>
      </c>
      <c r="AJ15" s="31">
        <v>25</v>
      </c>
      <c r="AK15" s="31">
        <v>348</v>
      </c>
      <c r="AL15" s="32">
        <v>4097</v>
      </c>
      <c r="AM15" s="32">
        <v>480</v>
      </c>
      <c r="AN15" s="32">
        <v>348</v>
      </c>
      <c r="AO15" s="32">
        <v>125</v>
      </c>
      <c r="AP15" s="32">
        <v>1</v>
      </c>
      <c r="AQ15" s="62">
        <v>1451</v>
      </c>
    </row>
    <row r="16" spans="1:46" ht="55" customHeight="1" x14ac:dyDescent="0.2">
      <c r="A16" s="72"/>
      <c r="B16" s="16" t="s">
        <v>55</v>
      </c>
      <c r="C16" s="17" t="s">
        <v>84</v>
      </c>
      <c r="D16" s="59">
        <v>563</v>
      </c>
      <c r="E16" s="31">
        <v>2348</v>
      </c>
      <c r="F16" s="60">
        <v>0.14803606329991806</v>
      </c>
      <c r="G16" s="32">
        <v>1218</v>
      </c>
      <c r="H16" s="32">
        <v>938</v>
      </c>
      <c r="I16" s="31">
        <v>15</v>
      </c>
      <c r="J16" s="31">
        <v>78</v>
      </c>
      <c r="K16" s="31">
        <v>46</v>
      </c>
      <c r="L16" s="31">
        <v>0</v>
      </c>
      <c r="M16" s="31">
        <v>93</v>
      </c>
      <c r="N16" s="31">
        <v>12</v>
      </c>
      <c r="O16" s="31">
        <v>4</v>
      </c>
      <c r="P16" s="31">
        <v>0</v>
      </c>
      <c r="Q16" s="31">
        <v>31</v>
      </c>
      <c r="R16" s="31">
        <v>73</v>
      </c>
      <c r="S16" s="31">
        <v>1</v>
      </c>
      <c r="T16" s="31">
        <v>0</v>
      </c>
      <c r="U16" s="31">
        <v>0</v>
      </c>
      <c r="V16" s="52">
        <v>1</v>
      </c>
      <c r="W16" s="31">
        <v>1</v>
      </c>
      <c r="X16" s="33">
        <v>54</v>
      </c>
      <c r="Y16" s="61">
        <v>414</v>
      </c>
      <c r="Z16" s="34">
        <v>419</v>
      </c>
      <c r="AA16" s="34">
        <v>137</v>
      </c>
      <c r="AB16" s="34">
        <v>72</v>
      </c>
      <c r="AC16" s="34">
        <v>62</v>
      </c>
      <c r="AD16" s="35">
        <v>0</v>
      </c>
      <c r="AE16" s="31">
        <v>0</v>
      </c>
      <c r="AF16" s="31">
        <v>0</v>
      </c>
      <c r="AG16" s="31">
        <v>157</v>
      </c>
      <c r="AH16" s="31">
        <v>1</v>
      </c>
      <c r="AI16" s="31">
        <v>12</v>
      </c>
      <c r="AJ16" s="31">
        <v>23</v>
      </c>
      <c r="AK16" s="31">
        <v>46</v>
      </c>
      <c r="AL16" s="32">
        <v>2295</v>
      </c>
      <c r="AM16" s="32">
        <v>129</v>
      </c>
      <c r="AN16" s="32">
        <v>97</v>
      </c>
      <c r="AO16" s="32">
        <v>59</v>
      </c>
      <c r="AP16" s="32">
        <v>50</v>
      </c>
      <c r="AQ16" s="62">
        <v>3097</v>
      </c>
    </row>
    <row r="17" spans="1:43" ht="55" customHeight="1" x14ac:dyDescent="0.2">
      <c r="A17" s="72" t="s">
        <v>14</v>
      </c>
      <c r="B17" s="16" t="s">
        <v>55</v>
      </c>
      <c r="C17" s="17" t="s">
        <v>1</v>
      </c>
      <c r="D17" s="59">
        <v>383</v>
      </c>
      <c r="E17" s="31">
        <v>19109</v>
      </c>
      <c r="F17" s="60">
        <v>0.18698932412200445</v>
      </c>
      <c r="G17" s="32">
        <v>640</v>
      </c>
      <c r="H17" s="32">
        <v>468</v>
      </c>
      <c r="I17" s="31">
        <v>12</v>
      </c>
      <c r="J17" s="31">
        <v>51</v>
      </c>
      <c r="K17" s="31">
        <v>25</v>
      </c>
      <c r="L17" s="31">
        <v>0</v>
      </c>
      <c r="M17" s="31">
        <v>0</v>
      </c>
      <c r="N17" s="31">
        <v>7</v>
      </c>
      <c r="O17" s="31">
        <v>9</v>
      </c>
      <c r="P17" s="31">
        <v>1</v>
      </c>
      <c r="Q17" s="31">
        <v>26</v>
      </c>
      <c r="R17" s="31">
        <v>141</v>
      </c>
      <c r="S17" s="31">
        <v>0</v>
      </c>
      <c r="T17" s="31">
        <v>0</v>
      </c>
      <c r="U17" s="31">
        <v>0</v>
      </c>
      <c r="V17" s="52">
        <v>2</v>
      </c>
      <c r="W17" s="31">
        <v>0</v>
      </c>
      <c r="X17" s="33">
        <v>1</v>
      </c>
      <c r="Y17" s="61">
        <v>273</v>
      </c>
      <c r="Z17" s="34">
        <v>273</v>
      </c>
      <c r="AA17" s="34">
        <v>0</v>
      </c>
      <c r="AB17" s="34">
        <v>2</v>
      </c>
      <c r="AC17" s="34">
        <v>0</v>
      </c>
      <c r="AD17" s="35">
        <v>0</v>
      </c>
      <c r="AE17" s="31">
        <v>0</v>
      </c>
      <c r="AF17" s="31">
        <v>0</v>
      </c>
      <c r="AG17" s="31">
        <v>38</v>
      </c>
      <c r="AH17" s="31">
        <v>2</v>
      </c>
      <c r="AI17" s="31">
        <v>3</v>
      </c>
      <c r="AJ17" s="31">
        <v>26</v>
      </c>
      <c r="AK17" s="31">
        <v>106</v>
      </c>
      <c r="AL17" s="32">
        <v>1367</v>
      </c>
      <c r="AM17" s="32">
        <v>231</v>
      </c>
      <c r="AN17" s="32">
        <v>192</v>
      </c>
      <c r="AO17" s="32">
        <v>96</v>
      </c>
      <c r="AP17" s="32">
        <v>59</v>
      </c>
      <c r="AQ17" s="62">
        <v>4047</v>
      </c>
    </row>
    <row r="18" spans="1:43" ht="55" customHeight="1" x14ac:dyDescent="0.2">
      <c r="A18" s="72"/>
      <c r="B18" s="16" t="s">
        <v>55</v>
      </c>
      <c r="C18" s="17" t="s">
        <v>85</v>
      </c>
      <c r="D18" s="59">
        <v>610</v>
      </c>
      <c r="E18" s="31">
        <v>1825</v>
      </c>
      <c r="F18" s="60">
        <v>0.11677010685264572</v>
      </c>
      <c r="G18" s="32">
        <v>1199</v>
      </c>
      <c r="H18" s="32">
        <v>610</v>
      </c>
      <c r="I18" s="31">
        <v>7</v>
      </c>
      <c r="J18" s="31">
        <v>53</v>
      </c>
      <c r="K18" s="31">
        <v>41</v>
      </c>
      <c r="L18" s="31">
        <v>5</v>
      </c>
      <c r="M18" s="31">
        <v>40</v>
      </c>
      <c r="N18" s="31">
        <v>3</v>
      </c>
      <c r="O18" s="31">
        <v>25</v>
      </c>
      <c r="P18" s="31">
        <v>16</v>
      </c>
      <c r="Q18" s="31">
        <v>34</v>
      </c>
      <c r="R18" s="31">
        <v>57</v>
      </c>
      <c r="S18" s="31">
        <v>0</v>
      </c>
      <c r="T18" s="31">
        <v>0</v>
      </c>
      <c r="U18" s="31">
        <v>0</v>
      </c>
      <c r="V18" s="52">
        <v>2</v>
      </c>
      <c r="W18" s="31">
        <v>6</v>
      </c>
      <c r="X18" s="33">
        <v>28</v>
      </c>
      <c r="Y18" s="61">
        <v>274</v>
      </c>
      <c r="Z18" s="34">
        <v>274</v>
      </c>
      <c r="AA18" s="34">
        <v>0</v>
      </c>
      <c r="AB18" s="34">
        <v>13</v>
      </c>
      <c r="AC18" s="34">
        <v>93</v>
      </c>
      <c r="AD18" s="35">
        <v>0</v>
      </c>
      <c r="AE18" s="31">
        <v>0</v>
      </c>
      <c r="AF18" s="31">
        <v>0</v>
      </c>
      <c r="AG18" s="31">
        <v>55</v>
      </c>
      <c r="AH18" s="31">
        <v>4</v>
      </c>
      <c r="AI18" s="31">
        <v>1</v>
      </c>
      <c r="AJ18" s="31">
        <v>0</v>
      </c>
      <c r="AK18" s="31">
        <v>33</v>
      </c>
      <c r="AL18" s="32">
        <v>1662</v>
      </c>
      <c r="AM18" s="32">
        <v>121</v>
      </c>
      <c r="AN18" s="32">
        <v>480</v>
      </c>
      <c r="AO18" s="32">
        <v>335</v>
      </c>
      <c r="AP18" s="32">
        <v>231</v>
      </c>
      <c r="AQ18" s="62">
        <v>513</v>
      </c>
    </row>
    <row r="19" spans="1:43" ht="55" customHeight="1" x14ac:dyDescent="0.2">
      <c r="A19" s="72"/>
      <c r="B19" s="16" t="s">
        <v>55</v>
      </c>
      <c r="C19" s="17" t="s">
        <v>89</v>
      </c>
      <c r="D19" s="59">
        <v>713</v>
      </c>
      <c r="E19" s="31">
        <v>2941</v>
      </c>
      <c r="F19" s="60">
        <v>0.214</v>
      </c>
      <c r="G19" s="32">
        <v>1441</v>
      </c>
      <c r="H19" s="32">
        <v>754</v>
      </c>
      <c r="I19" s="31">
        <v>13</v>
      </c>
      <c r="J19" s="31">
        <v>84</v>
      </c>
      <c r="K19" s="31">
        <v>15</v>
      </c>
      <c r="L19" s="31">
        <v>8</v>
      </c>
      <c r="M19" s="31">
        <v>67</v>
      </c>
      <c r="N19" s="31">
        <v>8</v>
      </c>
      <c r="O19" s="31">
        <v>20</v>
      </c>
      <c r="P19" s="31">
        <v>3</v>
      </c>
      <c r="Q19" s="31">
        <v>15</v>
      </c>
      <c r="R19" s="31">
        <v>59</v>
      </c>
      <c r="S19" s="31">
        <v>0</v>
      </c>
      <c r="T19" s="31">
        <v>0</v>
      </c>
      <c r="U19" s="31">
        <v>0</v>
      </c>
      <c r="V19" s="52">
        <v>6</v>
      </c>
      <c r="W19" s="31">
        <v>16</v>
      </c>
      <c r="X19" s="33">
        <v>0</v>
      </c>
      <c r="Y19" s="61">
        <v>387</v>
      </c>
      <c r="Z19" s="34">
        <v>387</v>
      </c>
      <c r="AA19" s="34">
        <v>68</v>
      </c>
      <c r="AB19" s="34">
        <v>20</v>
      </c>
      <c r="AC19" s="34">
        <v>134</v>
      </c>
      <c r="AD19" s="35">
        <v>0</v>
      </c>
      <c r="AE19" s="31">
        <v>0</v>
      </c>
      <c r="AF19" s="31">
        <v>3</v>
      </c>
      <c r="AG19" s="31">
        <v>129</v>
      </c>
      <c r="AH19" s="31">
        <v>5</v>
      </c>
      <c r="AI19" s="31">
        <v>1</v>
      </c>
      <c r="AJ19" s="31">
        <v>8</v>
      </c>
      <c r="AK19" s="31">
        <v>68</v>
      </c>
      <c r="AL19" s="32">
        <v>1589</v>
      </c>
      <c r="AM19" s="32">
        <v>228</v>
      </c>
      <c r="AN19" s="32">
        <v>203</v>
      </c>
      <c r="AO19" s="32">
        <v>98</v>
      </c>
      <c r="AP19" s="32">
        <v>42</v>
      </c>
      <c r="AQ19" s="62">
        <v>388</v>
      </c>
    </row>
    <row r="20" spans="1:43" ht="55" customHeight="1" x14ac:dyDescent="0.2">
      <c r="A20" s="72" t="s">
        <v>15</v>
      </c>
      <c r="B20" s="16" t="s">
        <v>55</v>
      </c>
      <c r="C20" s="17" t="s">
        <v>2</v>
      </c>
      <c r="D20" s="59">
        <v>1135</v>
      </c>
      <c r="E20" s="31">
        <v>7059</v>
      </c>
      <c r="F20" s="60">
        <v>0.2578253405895029</v>
      </c>
      <c r="G20" s="32">
        <v>4273</v>
      </c>
      <c r="H20" s="32">
        <v>2895</v>
      </c>
      <c r="I20" s="31">
        <v>17</v>
      </c>
      <c r="J20" s="31">
        <v>178</v>
      </c>
      <c r="K20" s="31">
        <v>98</v>
      </c>
      <c r="L20" s="31">
        <v>8</v>
      </c>
      <c r="M20" s="31">
        <v>130</v>
      </c>
      <c r="N20" s="31">
        <v>25</v>
      </c>
      <c r="O20" s="31">
        <v>93</v>
      </c>
      <c r="P20" s="31">
        <v>0</v>
      </c>
      <c r="Q20" s="31">
        <v>160</v>
      </c>
      <c r="R20" s="31">
        <v>373</v>
      </c>
      <c r="S20" s="31">
        <v>2</v>
      </c>
      <c r="T20" s="31">
        <v>3</v>
      </c>
      <c r="U20" s="31">
        <v>44</v>
      </c>
      <c r="V20" s="52">
        <v>1</v>
      </c>
      <c r="W20" s="31">
        <v>35</v>
      </c>
      <c r="X20" s="33">
        <v>63</v>
      </c>
      <c r="Y20" s="61">
        <v>1457</v>
      </c>
      <c r="Z20" s="34">
        <v>1256</v>
      </c>
      <c r="AA20" s="34">
        <v>64</v>
      </c>
      <c r="AB20" s="34">
        <v>165</v>
      </c>
      <c r="AC20" s="34">
        <v>333</v>
      </c>
      <c r="AD20" s="35">
        <v>0</v>
      </c>
      <c r="AE20" s="31">
        <v>178</v>
      </c>
      <c r="AF20" s="31">
        <v>23</v>
      </c>
      <c r="AG20" s="31">
        <v>239</v>
      </c>
      <c r="AH20" s="31">
        <v>10</v>
      </c>
      <c r="AI20" s="31">
        <v>12</v>
      </c>
      <c r="AJ20" s="31">
        <v>22</v>
      </c>
      <c r="AK20" s="31">
        <v>249</v>
      </c>
      <c r="AL20" s="32">
        <v>6129</v>
      </c>
      <c r="AM20" s="32">
        <v>367</v>
      </c>
      <c r="AN20" s="32">
        <v>364</v>
      </c>
      <c r="AO20" s="32">
        <v>163</v>
      </c>
      <c r="AP20" s="32">
        <v>56</v>
      </c>
      <c r="AQ20" s="62">
        <v>7029</v>
      </c>
    </row>
    <row r="21" spans="1:43" ht="55" customHeight="1" x14ac:dyDescent="0.2">
      <c r="A21" s="72"/>
      <c r="B21" s="16" t="s">
        <v>55</v>
      </c>
      <c r="C21" s="17" t="s">
        <v>86</v>
      </c>
      <c r="D21" s="59">
        <v>400</v>
      </c>
      <c r="E21" s="31">
        <v>2433</v>
      </c>
      <c r="F21" s="60">
        <v>0.21603622802344169</v>
      </c>
      <c r="G21" s="32">
        <v>908</v>
      </c>
      <c r="H21" s="32">
        <v>806</v>
      </c>
      <c r="I21" s="31">
        <v>13</v>
      </c>
      <c r="J21" s="31">
        <v>99</v>
      </c>
      <c r="K21" s="31">
        <v>34</v>
      </c>
      <c r="L21" s="31">
        <v>2</v>
      </c>
      <c r="M21" s="31">
        <v>96</v>
      </c>
      <c r="N21" s="31">
        <v>10</v>
      </c>
      <c r="O21" s="31">
        <v>44</v>
      </c>
      <c r="P21" s="31">
        <v>0</v>
      </c>
      <c r="Q21" s="31">
        <v>57</v>
      </c>
      <c r="R21" s="31">
        <v>98</v>
      </c>
      <c r="S21" s="31">
        <v>0</v>
      </c>
      <c r="T21" s="31">
        <v>0</v>
      </c>
      <c r="U21" s="31">
        <v>0</v>
      </c>
      <c r="V21" s="52">
        <v>0</v>
      </c>
      <c r="W21" s="31">
        <v>6</v>
      </c>
      <c r="X21" s="33">
        <v>0</v>
      </c>
      <c r="Y21" s="61">
        <v>239</v>
      </c>
      <c r="Z21" s="34">
        <v>239</v>
      </c>
      <c r="AA21" s="34">
        <v>2</v>
      </c>
      <c r="AB21" s="34">
        <v>10</v>
      </c>
      <c r="AC21" s="34">
        <v>101</v>
      </c>
      <c r="AD21" s="35">
        <v>0</v>
      </c>
      <c r="AE21" s="31">
        <v>0</v>
      </c>
      <c r="AF21" s="31">
        <v>0</v>
      </c>
      <c r="AG21" s="31">
        <v>58</v>
      </c>
      <c r="AH21" s="31">
        <v>6</v>
      </c>
      <c r="AI21" s="31">
        <v>5</v>
      </c>
      <c r="AJ21" s="31">
        <v>13</v>
      </c>
      <c r="AK21" s="31">
        <v>72</v>
      </c>
      <c r="AL21" s="32">
        <v>1103</v>
      </c>
      <c r="AM21" s="32">
        <v>235</v>
      </c>
      <c r="AN21" s="32">
        <v>169</v>
      </c>
      <c r="AO21" s="32">
        <v>25</v>
      </c>
      <c r="AP21" s="32">
        <v>10</v>
      </c>
      <c r="AQ21" s="62">
        <v>629</v>
      </c>
    </row>
    <row r="22" spans="1:43" ht="55" customHeight="1" x14ac:dyDescent="0.2">
      <c r="A22" s="73" t="s">
        <v>73</v>
      </c>
      <c r="B22" s="16" t="s">
        <v>55</v>
      </c>
      <c r="C22" s="17" t="s">
        <v>87</v>
      </c>
      <c r="D22" s="59">
        <v>740</v>
      </c>
      <c r="E22" s="31">
        <v>46927</v>
      </c>
      <c r="F22" s="60">
        <v>0.20022442953936481</v>
      </c>
      <c r="G22" s="32">
        <v>2131</v>
      </c>
      <c r="H22" s="32">
        <v>1421</v>
      </c>
      <c r="I22" s="31">
        <v>3</v>
      </c>
      <c r="J22" s="31">
        <v>193</v>
      </c>
      <c r="K22" s="31">
        <v>192</v>
      </c>
      <c r="L22" s="31">
        <v>35</v>
      </c>
      <c r="M22" s="31">
        <v>125</v>
      </c>
      <c r="N22" s="31">
        <v>15</v>
      </c>
      <c r="O22" s="31">
        <v>30</v>
      </c>
      <c r="P22" s="31">
        <v>1</v>
      </c>
      <c r="Q22" s="31">
        <v>53</v>
      </c>
      <c r="R22" s="31">
        <v>178</v>
      </c>
      <c r="S22" s="31">
        <v>13</v>
      </c>
      <c r="T22" s="31">
        <v>0</v>
      </c>
      <c r="U22" s="31">
        <v>1</v>
      </c>
      <c r="V22" s="52">
        <v>25</v>
      </c>
      <c r="W22" s="31">
        <v>10</v>
      </c>
      <c r="X22" s="33">
        <v>4</v>
      </c>
      <c r="Y22" s="61">
        <v>501</v>
      </c>
      <c r="Z22" s="31">
        <v>501</v>
      </c>
      <c r="AA22" s="31">
        <v>1</v>
      </c>
      <c r="AB22" s="31">
        <v>33</v>
      </c>
      <c r="AC22" s="31">
        <v>181</v>
      </c>
      <c r="AD22" s="35">
        <v>0</v>
      </c>
      <c r="AE22" s="31">
        <v>0</v>
      </c>
      <c r="AF22" s="31">
        <v>0</v>
      </c>
      <c r="AG22" s="31">
        <v>139</v>
      </c>
      <c r="AH22" s="31">
        <v>2</v>
      </c>
      <c r="AI22" s="31">
        <v>9</v>
      </c>
      <c r="AJ22" s="31">
        <v>31</v>
      </c>
      <c r="AK22" s="31">
        <v>164</v>
      </c>
      <c r="AL22" s="32">
        <v>2766</v>
      </c>
      <c r="AM22" s="32">
        <v>246</v>
      </c>
      <c r="AN22" s="32">
        <v>246</v>
      </c>
      <c r="AO22" s="32">
        <v>110</v>
      </c>
      <c r="AP22" s="32">
        <v>109</v>
      </c>
      <c r="AQ22" s="62">
        <v>145</v>
      </c>
    </row>
    <row r="23" spans="1:43" ht="55" customHeight="1" x14ac:dyDescent="0.2">
      <c r="A23" s="73"/>
      <c r="B23" s="16" t="s">
        <v>55</v>
      </c>
      <c r="C23" s="17" t="s">
        <v>88</v>
      </c>
      <c r="D23" s="59">
        <v>669</v>
      </c>
      <c r="E23" s="31">
        <v>46477</v>
      </c>
      <c r="F23" s="60">
        <v>0.17723078096400244</v>
      </c>
      <c r="G23" s="32">
        <v>2232</v>
      </c>
      <c r="H23" s="32">
        <v>1392</v>
      </c>
      <c r="I23" s="31">
        <v>28</v>
      </c>
      <c r="J23" s="31">
        <v>166</v>
      </c>
      <c r="K23" s="31">
        <v>170</v>
      </c>
      <c r="L23" s="31">
        <v>13</v>
      </c>
      <c r="M23" s="31">
        <v>90</v>
      </c>
      <c r="N23" s="31">
        <v>23</v>
      </c>
      <c r="O23" s="31">
        <v>33</v>
      </c>
      <c r="P23" s="31">
        <v>1</v>
      </c>
      <c r="Q23" s="31">
        <v>75</v>
      </c>
      <c r="R23" s="31">
        <v>208</v>
      </c>
      <c r="S23" s="31">
        <v>5</v>
      </c>
      <c r="T23" s="31">
        <v>0</v>
      </c>
      <c r="U23" s="31">
        <v>33</v>
      </c>
      <c r="V23" s="52">
        <v>20</v>
      </c>
      <c r="W23" s="31">
        <v>9</v>
      </c>
      <c r="X23" s="33">
        <v>18</v>
      </c>
      <c r="Y23" s="61">
        <v>690</v>
      </c>
      <c r="Z23" s="31">
        <v>554</v>
      </c>
      <c r="AA23" s="31">
        <v>1</v>
      </c>
      <c r="AB23" s="31">
        <v>35</v>
      </c>
      <c r="AC23" s="31">
        <v>486</v>
      </c>
      <c r="AD23" s="35">
        <v>123</v>
      </c>
      <c r="AE23" s="31">
        <v>27</v>
      </c>
      <c r="AF23" s="31">
        <v>9</v>
      </c>
      <c r="AG23" s="31">
        <v>89</v>
      </c>
      <c r="AH23" s="31">
        <v>14</v>
      </c>
      <c r="AI23" s="31">
        <v>8</v>
      </c>
      <c r="AJ23" s="31">
        <v>28</v>
      </c>
      <c r="AK23" s="31">
        <v>143</v>
      </c>
      <c r="AL23" s="32">
        <v>2534</v>
      </c>
      <c r="AM23" s="32">
        <v>127</v>
      </c>
      <c r="AN23" s="32">
        <v>97</v>
      </c>
      <c r="AO23" s="32">
        <v>47</v>
      </c>
      <c r="AP23" s="32">
        <v>4</v>
      </c>
      <c r="AQ23" s="62">
        <v>140</v>
      </c>
    </row>
    <row r="24" spans="1:43" ht="55" customHeight="1" x14ac:dyDescent="0.2">
      <c r="A24" s="70" t="s">
        <v>16</v>
      </c>
      <c r="B24" s="16" t="s">
        <v>55</v>
      </c>
      <c r="C24" s="17" t="s">
        <v>3</v>
      </c>
      <c r="D24" s="59">
        <v>536</v>
      </c>
      <c r="E24" s="31">
        <v>25908</v>
      </c>
      <c r="F24" s="60">
        <v>0.15691832470246206</v>
      </c>
      <c r="G24" s="32">
        <v>1614</v>
      </c>
      <c r="H24" s="32">
        <v>1029</v>
      </c>
      <c r="I24" s="31">
        <v>50</v>
      </c>
      <c r="J24" s="31">
        <v>120</v>
      </c>
      <c r="K24" s="31">
        <v>110</v>
      </c>
      <c r="L24" s="31">
        <v>4</v>
      </c>
      <c r="M24" s="31">
        <v>38</v>
      </c>
      <c r="N24" s="31">
        <v>15</v>
      </c>
      <c r="O24" s="31">
        <v>15</v>
      </c>
      <c r="P24" s="31">
        <v>17</v>
      </c>
      <c r="Q24" s="31">
        <v>65</v>
      </c>
      <c r="R24" s="31">
        <v>155</v>
      </c>
      <c r="S24" s="31">
        <v>2</v>
      </c>
      <c r="T24" s="31">
        <v>0</v>
      </c>
      <c r="U24" s="31">
        <v>0</v>
      </c>
      <c r="V24" s="52">
        <v>2</v>
      </c>
      <c r="W24" s="31">
        <v>2</v>
      </c>
      <c r="X24" s="33">
        <v>1</v>
      </c>
      <c r="Y24" s="61">
        <v>418</v>
      </c>
      <c r="Z24" s="31">
        <v>418</v>
      </c>
      <c r="AA24" s="31">
        <v>16</v>
      </c>
      <c r="AB24" s="31">
        <v>11</v>
      </c>
      <c r="AC24" s="31">
        <v>141</v>
      </c>
      <c r="AD24" s="35">
        <v>0</v>
      </c>
      <c r="AE24" s="31">
        <v>0</v>
      </c>
      <c r="AF24" s="31">
        <v>0</v>
      </c>
      <c r="AG24" s="31">
        <v>50</v>
      </c>
      <c r="AH24" s="31">
        <v>7</v>
      </c>
      <c r="AI24" s="31">
        <v>1</v>
      </c>
      <c r="AJ24" s="31">
        <v>14</v>
      </c>
      <c r="AK24" s="31">
        <v>103</v>
      </c>
      <c r="AL24" s="32">
        <v>2058</v>
      </c>
      <c r="AM24" s="32">
        <v>274</v>
      </c>
      <c r="AN24" s="32">
        <v>236</v>
      </c>
      <c r="AO24" s="32">
        <v>73</v>
      </c>
      <c r="AP24" s="32">
        <v>47</v>
      </c>
      <c r="AQ24" s="62">
        <v>1253</v>
      </c>
    </row>
    <row r="25" spans="1:43" ht="55" customHeight="1" x14ac:dyDescent="0.2">
      <c r="A25" s="70" t="s">
        <v>17</v>
      </c>
      <c r="B25" s="16" t="s">
        <v>55</v>
      </c>
      <c r="C25" s="17" t="s">
        <v>4</v>
      </c>
      <c r="D25" s="59">
        <v>804</v>
      </c>
      <c r="E25" s="31">
        <v>8244</v>
      </c>
      <c r="F25" s="60">
        <v>0.33116413593637023</v>
      </c>
      <c r="G25" s="32">
        <v>3293</v>
      </c>
      <c r="H25" s="32">
        <v>1919</v>
      </c>
      <c r="I25" s="31">
        <v>34</v>
      </c>
      <c r="J25" s="31">
        <v>174</v>
      </c>
      <c r="K25" s="31">
        <v>1309</v>
      </c>
      <c r="L25" s="31">
        <v>7</v>
      </c>
      <c r="M25" s="31">
        <v>194</v>
      </c>
      <c r="N25" s="31">
        <v>9</v>
      </c>
      <c r="O25" s="31">
        <v>43</v>
      </c>
      <c r="P25" s="31">
        <v>2</v>
      </c>
      <c r="Q25" s="31">
        <v>62</v>
      </c>
      <c r="R25" s="31">
        <v>328</v>
      </c>
      <c r="S25" s="31">
        <v>30</v>
      </c>
      <c r="T25" s="31">
        <v>4</v>
      </c>
      <c r="U25" s="31">
        <v>63</v>
      </c>
      <c r="V25" s="52">
        <v>11</v>
      </c>
      <c r="W25" s="31">
        <v>43</v>
      </c>
      <c r="X25" s="33">
        <v>22</v>
      </c>
      <c r="Y25" s="61">
        <v>1115</v>
      </c>
      <c r="Z25" s="31">
        <v>1093</v>
      </c>
      <c r="AA25" s="31">
        <v>61</v>
      </c>
      <c r="AB25" s="31">
        <v>89</v>
      </c>
      <c r="AC25" s="31">
        <v>486</v>
      </c>
      <c r="AD25" s="35">
        <v>0</v>
      </c>
      <c r="AE25" s="31">
        <v>22</v>
      </c>
      <c r="AF25" s="31">
        <v>3</v>
      </c>
      <c r="AG25" s="31">
        <v>204</v>
      </c>
      <c r="AH25" s="31">
        <v>6</v>
      </c>
      <c r="AI25" s="31">
        <v>9</v>
      </c>
      <c r="AJ25" s="31">
        <v>7</v>
      </c>
      <c r="AK25" s="31">
        <v>231</v>
      </c>
      <c r="AL25" s="32">
        <v>6137</v>
      </c>
      <c r="AM25" s="32">
        <v>346</v>
      </c>
      <c r="AN25" s="32">
        <v>333</v>
      </c>
      <c r="AO25" s="32">
        <v>328</v>
      </c>
      <c r="AP25" s="32">
        <v>0</v>
      </c>
      <c r="AQ25" s="62">
        <v>2909</v>
      </c>
    </row>
    <row r="26" spans="1:43" ht="55" customHeight="1" x14ac:dyDescent="0.2">
      <c r="A26" s="70" t="s">
        <v>18</v>
      </c>
      <c r="B26" s="16" t="s">
        <v>55</v>
      </c>
      <c r="C26" s="17" t="s">
        <v>5</v>
      </c>
      <c r="D26" s="59">
        <v>403</v>
      </c>
      <c r="E26" s="31">
        <v>1821</v>
      </c>
      <c r="F26" s="60">
        <v>0.17924992617383603</v>
      </c>
      <c r="G26" s="32">
        <v>935</v>
      </c>
      <c r="H26" s="32">
        <v>463</v>
      </c>
      <c r="I26" s="31">
        <v>4</v>
      </c>
      <c r="J26" s="31">
        <v>88</v>
      </c>
      <c r="K26" s="31">
        <v>72</v>
      </c>
      <c r="L26" s="31">
        <v>0</v>
      </c>
      <c r="M26" s="31">
        <v>33</v>
      </c>
      <c r="N26" s="31">
        <v>9</v>
      </c>
      <c r="O26" s="31">
        <v>10</v>
      </c>
      <c r="P26" s="31">
        <v>0</v>
      </c>
      <c r="Q26" s="31">
        <v>28</v>
      </c>
      <c r="R26" s="31">
        <v>156</v>
      </c>
      <c r="S26" s="31">
        <v>23</v>
      </c>
      <c r="T26" s="31">
        <v>1</v>
      </c>
      <c r="U26" s="31">
        <v>0</v>
      </c>
      <c r="V26" s="52">
        <v>0</v>
      </c>
      <c r="W26" s="31">
        <v>13</v>
      </c>
      <c r="X26" s="33">
        <v>1</v>
      </c>
      <c r="Y26" s="61">
        <v>268</v>
      </c>
      <c r="Z26" s="31">
        <v>276</v>
      </c>
      <c r="AA26" s="31">
        <v>7</v>
      </c>
      <c r="AB26" s="31">
        <v>13</v>
      </c>
      <c r="AC26" s="31">
        <v>83</v>
      </c>
      <c r="AD26" s="35">
        <v>0</v>
      </c>
      <c r="AE26" s="31">
        <v>0</v>
      </c>
      <c r="AF26" s="31">
        <v>0</v>
      </c>
      <c r="AG26" s="31">
        <v>57</v>
      </c>
      <c r="AH26" s="31">
        <v>1</v>
      </c>
      <c r="AI26" s="31">
        <v>3</v>
      </c>
      <c r="AJ26" s="31">
        <v>13</v>
      </c>
      <c r="AK26" s="31">
        <v>98</v>
      </c>
      <c r="AL26" s="32">
        <v>1128</v>
      </c>
      <c r="AM26" s="32">
        <v>67</v>
      </c>
      <c r="AN26" s="32">
        <v>62</v>
      </c>
      <c r="AO26" s="32">
        <v>52</v>
      </c>
      <c r="AP26" s="32">
        <v>40</v>
      </c>
      <c r="AQ26" s="62">
        <v>1208</v>
      </c>
    </row>
    <row r="27" spans="1:43" ht="55" customHeight="1" thickBot="1" x14ac:dyDescent="0.25">
      <c r="A27" s="71" t="s">
        <v>19</v>
      </c>
      <c r="B27" s="18" t="s">
        <v>55</v>
      </c>
      <c r="C27" s="19" t="s">
        <v>6</v>
      </c>
      <c r="D27" s="63">
        <v>417</v>
      </c>
      <c r="E27" s="36">
        <v>16741</v>
      </c>
      <c r="F27" s="64">
        <v>0.11758384547848992</v>
      </c>
      <c r="G27" s="37">
        <v>978</v>
      </c>
      <c r="H27" s="37">
        <v>477</v>
      </c>
      <c r="I27" s="36">
        <v>8</v>
      </c>
      <c r="J27" s="36">
        <v>80</v>
      </c>
      <c r="K27" s="36">
        <v>51</v>
      </c>
      <c r="L27" s="36">
        <v>0</v>
      </c>
      <c r="M27" s="36">
        <v>31</v>
      </c>
      <c r="N27" s="36">
        <v>24</v>
      </c>
      <c r="O27" s="36">
        <v>19</v>
      </c>
      <c r="P27" s="36">
        <v>0</v>
      </c>
      <c r="Q27" s="36">
        <v>23</v>
      </c>
      <c r="R27" s="36">
        <v>29</v>
      </c>
      <c r="S27" s="36">
        <v>1</v>
      </c>
      <c r="T27" s="36">
        <v>0</v>
      </c>
      <c r="U27" s="36">
        <v>0</v>
      </c>
      <c r="V27" s="53">
        <v>16</v>
      </c>
      <c r="W27" s="36">
        <v>4</v>
      </c>
      <c r="X27" s="38">
        <v>1</v>
      </c>
      <c r="Y27" s="65">
        <v>230</v>
      </c>
      <c r="Z27" s="36">
        <v>230</v>
      </c>
      <c r="AA27" s="36">
        <v>0</v>
      </c>
      <c r="AB27" s="36">
        <v>0</v>
      </c>
      <c r="AC27" s="36">
        <v>0</v>
      </c>
      <c r="AD27" s="39">
        <v>0</v>
      </c>
      <c r="AE27" s="36">
        <v>0</v>
      </c>
      <c r="AF27" s="36">
        <v>0</v>
      </c>
      <c r="AG27" s="36">
        <v>14</v>
      </c>
      <c r="AH27" s="36">
        <v>1</v>
      </c>
      <c r="AI27" s="36">
        <v>0</v>
      </c>
      <c r="AJ27" s="36">
        <v>4</v>
      </c>
      <c r="AK27" s="36">
        <v>120</v>
      </c>
      <c r="AL27" s="37">
        <v>1027</v>
      </c>
      <c r="AM27" s="37">
        <v>385</v>
      </c>
      <c r="AN27" s="37">
        <v>325</v>
      </c>
      <c r="AO27" s="37">
        <v>203</v>
      </c>
      <c r="AP27" s="37">
        <v>184</v>
      </c>
      <c r="AQ27" s="66">
        <v>251</v>
      </c>
    </row>
    <row r="28" spans="1:43" x14ac:dyDescent="0.2">
      <c r="A28" s="5"/>
      <c r="B28" s="5"/>
    </row>
    <row r="29" spans="1:43" x14ac:dyDescent="0.2">
      <c r="A29" s="5"/>
      <c r="B29" s="5"/>
    </row>
  </sheetData>
  <mergeCells count="17">
    <mergeCell ref="AQ3:AQ4"/>
    <mergeCell ref="H3:H4"/>
    <mergeCell ref="Y3:Y4"/>
    <mergeCell ref="E3:E4"/>
    <mergeCell ref="F3:F4"/>
    <mergeCell ref="G3:G4"/>
    <mergeCell ref="AL3:AL4"/>
    <mergeCell ref="A17:A19"/>
    <mergeCell ref="A20:A21"/>
    <mergeCell ref="A22:A23"/>
    <mergeCell ref="A5:A14"/>
    <mergeCell ref="AM3:AM4"/>
    <mergeCell ref="B2:B4"/>
    <mergeCell ref="A2:A4"/>
    <mergeCell ref="C2:C4"/>
    <mergeCell ref="D2:D4"/>
    <mergeCell ref="A15:A16"/>
  </mergeCells>
  <phoneticPr fontId="1"/>
  <dataValidations count="1">
    <dataValidation type="whole" imeMode="disabled" operator="greaterThanOrEqual" allowBlank="1" showInputMessage="1" showErrorMessage="1" error="整数を入力" prompt="整数で入力" sqref="Z6:AC7 Z17:AC21 AE11:AE12 Z9:AC15 D5:D27" xr:uid="{00000000-0002-0000-0000-000000000000}">
      <formula1>0</formula1>
    </dataValidation>
  </dataValidations>
  <pageMargins left="1.3779527559055118" right="0.78740157480314965" top="0.47244094488188981" bottom="0.39370078740157483" header="0.31496062992125984" footer="3.937007874015748E-2"/>
  <pageSetup paperSize="8" scale="56" fitToWidth="2" orientation="landscape" r:id="rId1"/>
  <headerFooter scaleWithDoc="0">
    <oddFooter>&amp;C&amp;"ＭＳ ゴシック,標準"&amp;P</oddFooter>
  </headerFooter>
  <colBreaks count="1" manualBreakCount="1">
    <brk id="24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がん診療連携拠点病院の診療実績等一覧</vt:lpstr>
      <vt:lpstr>がん診療連携拠点病院の診療実績等一覧!Print_Area</vt:lpstr>
      <vt:lpstr>がん診療連携拠点病院の診療実績等一覧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がん・循環器対策G　中村</cp:lastModifiedBy>
  <cp:lastPrinted>2025-12-10T04:25:27Z</cp:lastPrinted>
  <dcterms:created xsi:type="dcterms:W3CDTF">2023-03-22T08:13:07Z</dcterms:created>
  <dcterms:modified xsi:type="dcterms:W3CDTF">2025-12-10T05:47:04Z</dcterms:modified>
</cp:coreProperties>
</file>